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comments/comment1.xml" ContentType="application/vnd.openxmlformats-officedocument.presentationml.comment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comments/comment2.xml" ContentType="application/vnd.openxmlformats-officedocument.presentationml.comment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comments/comment3.xml" ContentType="application/vnd.openxmlformats-officedocument.presentationml.comment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comments/comment4.xml" ContentType="application/vnd.openxmlformats-officedocument.presentationml.comment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  <p:sldId id="287" r:id="rId4"/>
    <p:sldId id="288" r:id="rId5"/>
    <p:sldId id="258" r:id="rId6"/>
    <p:sldId id="259" r:id="rId7"/>
    <p:sldId id="260" r:id="rId8"/>
    <p:sldId id="272" r:id="rId9"/>
    <p:sldId id="273" r:id="rId10"/>
    <p:sldId id="274" r:id="rId11"/>
    <p:sldId id="275" r:id="rId12"/>
    <p:sldId id="276" r:id="rId13"/>
    <p:sldId id="283" r:id="rId14"/>
    <p:sldId id="284" r:id="rId15"/>
    <p:sldId id="277" r:id="rId16"/>
    <p:sldId id="279" r:id="rId17"/>
    <p:sldId id="280" r:id="rId18"/>
    <p:sldId id="285" r:id="rId19"/>
    <p:sldId id="286" r:id="rId20"/>
    <p:sldId id="278" r:id="rId21"/>
    <p:sldId id="282" r:id="rId22"/>
    <p:sldId id="271" r:id="rId23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nir" initials="s" lastIdx="10" clrIdx="0">
    <p:extLst>
      <p:ext uri="{19B8F6BF-5375-455C-9EA6-DF929625EA0E}">
        <p15:presenceInfo xmlns:p15="http://schemas.microsoft.com/office/powerpoint/2012/main" userId="snir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EF21"/>
    <a:srgbClr val="FFFF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7CE84F3-28C3-443E-9E96-99CF82512B78}" styleName="Style foncé 1 - Accentuation 2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wholeTbl>
    <a:band1H>
      <a:tcStyle>
        <a:tcBdr/>
        <a:fill>
          <a:solidFill>
            <a:schemeClr val="accent2">
              <a:shade val="60000"/>
            </a:schemeClr>
          </a:solidFill>
        </a:fill>
      </a:tcStyle>
    </a:band1H>
    <a:band1V>
      <a:tcStyle>
        <a:tcBdr/>
        <a:fill>
          <a:solidFill>
            <a:schemeClr val="accent2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2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2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2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073A0DAA-6AF3-43AB-8588-CEC1D06C72B9}" styleName="Style moyen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>
        <p:scale>
          <a:sx n="100" d="100"/>
          <a:sy n="100" d="100"/>
        </p:scale>
        <p:origin x="318" y="3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commentAuthors" Target="commentAuthor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" dt="2019-01-25T14:25:45.619" idx="1">
    <p:pos x="10" y="10"/>
    <p:text>Le patient peut etre dans l'évap, il peut alors être fait par le personnel hospitalier</p:text>
    <p:extLst>
      <p:ext uri="{C676402C-5697-4E1C-873F-D02D1690AC5C}">
        <p15:threadingInfo xmlns:p15="http://schemas.microsoft.com/office/powerpoint/2012/main" timeZoneBias="-60"/>
      </p:ext>
    </p:extLst>
  </p:cm>
  <p:cm authorId="1" dt="2019-01-25T14:27:34.986" idx="4">
    <p:pos x="10" y="146"/>
    <p:text>"include"</p:text>
    <p:extLst>
      <p:ext uri="{C676402C-5697-4E1C-873F-D02D1690AC5C}">
        <p15:threadingInfo xmlns:p15="http://schemas.microsoft.com/office/powerpoint/2012/main" timeZoneBias="-60">
          <p15:parentCm authorId="1" idx="1"/>
        </p15:threadingInfo>
      </p:ext>
    </p:extLst>
  </p:cm>
  <p:cm authorId="1" dt="2019-01-25T14:26:15.130" idx="2">
    <p:pos x="146" y="146"/>
    <p:text>personnel hospitalier eut modifier le temps des plannings suivant (include)</p:text>
    <p:extLst>
      <p:ext uri="{C676402C-5697-4E1C-873F-D02D1690AC5C}">
        <p15:threadingInfo xmlns:p15="http://schemas.microsoft.com/office/powerpoint/2012/main" timeZoneBias="-60"/>
      </p:ext>
    </p:extLst>
  </p:cm>
</p:cmLst>
</file>

<file path=ppt/comments/comment2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" dt="2019-01-25T14:31:20.792" idx="5">
    <p:pos x="10" y="10"/>
    <p:text>retirer "créer ou modifier les info patient"</p:text>
    <p:extLst>
      <p:ext uri="{C676402C-5697-4E1C-873F-D02D1690AC5C}">
        <p15:threadingInfo xmlns:p15="http://schemas.microsoft.com/office/powerpoint/2012/main" timeZoneBias="-60"/>
      </p:ext>
    </p:extLst>
  </p:cm>
  <p:cm authorId="1" dt="2019-01-25T14:33:13.756" idx="6">
    <p:pos x="146" y="146"/>
    <p:text>remplacer par "gérer et modifier"</p:text>
    <p:extLst>
      <p:ext uri="{C676402C-5697-4E1C-873F-D02D1690AC5C}">
        <p15:threadingInfo xmlns:p15="http://schemas.microsoft.com/office/powerpoint/2012/main" timeZoneBias="-60"/>
      </p:ext>
    </p:extLst>
  </p:cm>
</p:cmLst>
</file>

<file path=ppt/comments/comment3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" dt="2019-01-25T16:52:31.449" idx="8">
    <p:pos x="10" y="10"/>
    <p:text>Système d'identification RFID car meilleur propreté pour un hôpital ( évite de nettoyer à chaque utilisation comme un lecteur code barre ) et possibilité de se badger à une certaine distance, et pas obligé d'aller chercher à chaque fois la badgeuse car fixée au mur</p:text>
    <p:extLst>
      <p:ext uri="{C676402C-5697-4E1C-873F-D02D1690AC5C}">
        <p15:threadingInfo xmlns:p15="http://schemas.microsoft.com/office/powerpoint/2012/main" timeZoneBias="-60"/>
      </p:ext>
    </p:extLst>
  </p:cm>
  <p:cm authorId="1" dt="2019-01-25T16:56:33.795" idx="9">
    <p:pos x="146" y="146"/>
    <p:text>pas lecteur bio et mdp simple car si patient est dans un état critique impossible de le faire à sa place</p:text>
    <p:extLst>
      <p:ext uri="{C676402C-5697-4E1C-873F-D02D1690AC5C}">
        <p15:threadingInfo xmlns:p15="http://schemas.microsoft.com/office/powerpoint/2012/main" timeZoneBias="-60"/>
      </p:ext>
    </p:extLst>
  </p:cm>
</p:cmLst>
</file>

<file path=ppt/comments/comment4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" dt="2019-01-25T16:57:22.262" idx="10">
    <p:pos x="10" y="10"/>
    <p:text>penser à dire qu'il faut la même fréquence pour une compatibilité des matériels</p:text>
    <p:extLst>
      <p:ext uri="{C676402C-5697-4E1C-873F-D02D1690AC5C}">
        <p15:threadingInfo xmlns:p15="http://schemas.microsoft.com/office/powerpoint/2012/main" timeZoneBias="-60"/>
      </p:ext>
    </p:extLst>
  </p:cm>
</p:cmLst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0_1">
  <dgm:title val=""/>
  <dgm:desc val=""/>
  <dgm:catLst>
    <dgm:cat type="mainScheme" pri="10100"/>
  </dgm:catLst>
  <dgm:styleLbl name="node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3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4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dk1">
        <a:alpha val="4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1">
        <a:shade val="8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1">
        <a:tint val="50000"/>
        <a:alpha val="4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A3BD9D1-051B-4D69-B696-713339F72C0B}" type="doc">
      <dgm:prSet loTypeId="urn:microsoft.com/office/officeart/2005/8/layout/list1" loCatId="list" qsTypeId="urn:microsoft.com/office/officeart/2005/8/quickstyle/simple2" qsCatId="simple" csTypeId="urn:microsoft.com/office/officeart/2005/8/colors/accent0_1" csCatId="mainScheme" phldr="1"/>
      <dgm:spPr/>
      <dgm:t>
        <a:bodyPr/>
        <a:lstStyle/>
        <a:p>
          <a:endParaRPr lang="fr-FR"/>
        </a:p>
      </dgm:t>
    </dgm:pt>
    <dgm:pt modelId="{EDA3EEDF-B99E-4FCF-A0EA-B123BDA0AFA9}">
      <dgm:prSet phldrT="[Texte]"/>
      <dgm:spPr/>
      <dgm:t>
        <a:bodyPr/>
        <a:lstStyle/>
        <a:p>
          <a:r>
            <a:rPr lang="fr-FR" b="1" u="sng" dirty="0" smtClean="0">
              <a:latin typeface="Oswald" charset="0"/>
            </a:rPr>
            <a:t>Présentation</a:t>
          </a:r>
          <a:endParaRPr lang="fr-FR" b="1" u="sng" dirty="0">
            <a:latin typeface="Oswald" charset="0"/>
          </a:endParaRPr>
        </a:p>
      </dgm:t>
    </dgm:pt>
    <dgm:pt modelId="{5BA1F60A-F636-4143-8505-5B715313B4BB}" type="parTrans" cxnId="{ADE99C02-0DD1-444A-B1A3-A283222F6689}">
      <dgm:prSet/>
      <dgm:spPr/>
      <dgm:t>
        <a:bodyPr/>
        <a:lstStyle/>
        <a:p>
          <a:endParaRPr lang="fr-FR"/>
        </a:p>
      </dgm:t>
    </dgm:pt>
    <dgm:pt modelId="{46E2EE2D-39C1-40EA-B01C-C58E659086CA}" type="sibTrans" cxnId="{ADE99C02-0DD1-444A-B1A3-A283222F6689}">
      <dgm:prSet/>
      <dgm:spPr/>
      <dgm:t>
        <a:bodyPr/>
        <a:lstStyle/>
        <a:p>
          <a:endParaRPr lang="fr-FR"/>
        </a:p>
      </dgm:t>
    </dgm:pt>
    <dgm:pt modelId="{69296E0D-D771-46AD-B06F-19AE526FFFF2}">
      <dgm:prSet phldrT="[Texte]"/>
      <dgm:spPr/>
      <dgm:t>
        <a:bodyPr/>
        <a:lstStyle/>
        <a:p>
          <a:r>
            <a:rPr lang="fr-FR" b="1" u="sng" dirty="0" smtClean="0">
              <a:latin typeface="Oswald" charset="0"/>
            </a:rPr>
            <a:t>Conclusion</a:t>
          </a:r>
          <a:endParaRPr lang="fr-FR" b="1" u="sng" dirty="0">
            <a:latin typeface="Oswald" charset="0"/>
          </a:endParaRPr>
        </a:p>
      </dgm:t>
    </dgm:pt>
    <dgm:pt modelId="{DCDD6C10-E457-4C3F-BCF4-7D43BA37FD17}" type="parTrans" cxnId="{85C4BD2F-F174-4262-B931-A6CF1A936705}">
      <dgm:prSet/>
      <dgm:spPr/>
      <dgm:t>
        <a:bodyPr/>
        <a:lstStyle/>
        <a:p>
          <a:endParaRPr lang="fr-FR"/>
        </a:p>
      </dgm:t>
    </dgm:pt>
    <dgm:pt modelId="{C7A933D4-6B74-44A9-B386-F5662A02C467}" type="sibTrans" cxnId="{85C4BD2F-F174-4262-B931-A6CF1A936705}">
      <dgm:prSet/>
      <dgm:spPr/>
      <dgm:t>
        <a:bodyPr/>
        <a:lstStyle/>
        <a:p>
          <a:endParaRPr lang="fr-FR"/>
        </a:p>
      </dgm:t>
    </dgm:pt>
    <dgm:pt modelId="{7CC4080F-8F3F-494B-9568-FF2EB0DDD1C8}">
      <dgm:prSet phldrT="[Texte]"/>
      <dgm:spPr/>
      <dgm:t>
        <a:bodyPr/>
        <a:lstStyle/>
        <a:p>
          <a:r>
            <a:rPr lang="fr-FR" b="1" u="sng" dirty="0" smtClean="0">
              <a:latin typeface="Oswald" charset="0"/>
              <a:cs typeface="Aharoni" pitchFamily="2" charset="-79"/>
            </a:rPr>
            <a:t>Diagrammes</a:t>
          </a:r>
          <a:endParaRPr lang="fr-FR" b="1" u="sng" dirty="0">
            <a:latin typeface="Oswald" charset="0"/>
            <a:cs typeface="Aharoni" pitchFamily="2" charset="-79"/>
          </a:endParaRPr>
        </a:p>
      </dgm:t>
    </dgm:pt>
    <dgm:pt modelId="{96F74935-E806-4032-9D50-9EC74FAC469B}" type="parTrans" cxnId="{E4931245-C9AC-48EE-A3A4-A8305E3668CA}">
      <dgm:prSet/>
      <dgm:spPr/>
      <dgm:t>
        <a:bodyPr/>
        <a:lstStyle/>
        <a:p>
          <a:endParaRPr lang="fr-FR"/>
        </a:p>
      </dgm:t>
    </dgm:pt>
    <dgm:pt modelId="{F207E84D-5F07-4FB1-BE4E-CF95564C9DD7}" type="sibTrans" cxnId="{E4931245-C9AC-48EE-A3A4-A8305E3668CA}">
      <dgm:prSet/>
      <dgm:spPr/>
      <dgm:t>
        <a:bodyPr/>
        <a:lstStyle/>
        <a:p>
          <a:endParaRPr lang="fr-FR"/>
        </a:p>
      </dgm:t>
    </dgm:pt>
    <dgm:pt modelId="{DB01ED01-69A6-4F1B-96C4-1E6E49264511}">
      <dgm:prSet phldrT="[Texte]"/>
      <dgm:spPr/>
      <dgm:t>
        <a:bodyPr/>
        <a:lstStyle/>
        <a:p>
          <a:r>
            <a:rPr lang="fr-FR" b="1" u="sng" dirty="0" smtClean="0">
              <a:latin typeface="Oswald" charset="0"/>
            </a:rPr>
            <a:t>Interface homme/machine</a:t>
          </a:r>
          <a:endParaRPr lang="fr-FR" b="1" u="sng" dirty="0">
            <a:latin typeface="Oswald" charset="0"/>
          </a:endParaRPr>
        </a:p>
      </dgm:t>
    </dgm:pt>
    <dgm:pt modelId="{B802EFCA-03D7-4AA8-9C94-41921CD41536}" type="parTrans" cxnId="{D783AB71-BC40-4821-B61B-531F6453876F}">
      <dgm:prSet/>
      <dgm:spPr/>
      <dgm:t>
        <a:bodyPr/>
        <a:lstStyle/>
        <a:p>
          <a:endParaRPr lang="fr-FR"/>
        </a:p>
      </dgm:t>
    </dgm:pt>
    <dgm:pt modelId="{41110579-B4E8-4582-B0AC-3D3F3A8297EC}" type="sibTrans" cxnId="{D783AB71-BC40-4821-B61B-531F6453876F}">
      <dgm:prSet/>
      <dgm:spPr/>
      <dgm:t>
        <a:bodyPr/>
        <a:lstStyle/>
        <a:p>
          <a:endParaRPr lang="fr-FR"/>
        </a:p>
      </dgm:t>
    </dgm:pt>
    <dgm:pt modelId="{5BC646DA-E0C6-41F7-8F10-331FAC415198}">
      <dgm:prSet phldrT="[Texte]"/>
      <dgm:spPr/>
      <dgm:t>
        <a:bodyPr/>
        <a:lstStyle/>
        <a:p>
          <a:r>
            <a:rPr lang="fr-FR" b="1" u="sng" dirty="0" smtClean="0">
              <a:latin typeface="Oswald" charset="0"/>
            </a:rPr>
            <a:t>Financement</a:t>
          </a:r>
          <a:endParaRPr lang="fr-FR" b="1" u="sng" dirty="0">
            <a:latin typeface="Oswald" charset="0"/>
          </a:endParaRPr>
        </a:p>
      </dgm:t>
    </dgm:pt>
    <dgm:pt modelId="{10A9BEE0-5299-48F1-A0AE-56D29DDABE42}" type="parTrans" cxnId="{463BC13B-95CA-483B-BCA3-994F06B4F424}">
      <dgm:prSet/>
      <dgm:spPr/>
      <dgm:t>
        <a:bodyPr/>
        <a:lstStyle/>
        <a:p>
          <a:endParaRPr lang="fr-FR"/>
        </a:p>
      </dgm:t>
    </dgm:pt>
    <dgm:pt modelId="{48843392-895A-4033-886C-6E739FC2197D}" type="sibTrans" cxnId="{463BC13B-95CA-483B-BCA3-994F06B4F424}">
      <dgm:prSet/>
      <dgm:spPr/>
      <dgm:t>
        <a:bodyPr/>
        <a:lstStyle/>
        <a:p>
          <a:endParaRPr lang="fr-FR"/>
        </a:p>
      </dgm:t>
    </dgm:pt>
    <dgm:pt modelId="{409CC056-A980-4963-A3C5-EEA3FD5C847D}">
      <dgm:prSet phldrT="[Texte]"/>
      <dgm:spPr/>
      <dgm:t>
        <a:bodyPr/>
        <a:lstStyle/>
        <a:p>
          <a:r>
            <a:rPr lang="fr-FR" b="1" u="sng" dirty="0" smtClean="0">
              <a:latin typeface="Oswald" charset="0"/>
            </a:rPr>
            <a:t>Echéancier</a:t>
          </a:r>
          <a:endParaRPr lang="fr-FR" b="1" u="sng" dirty="0">
            <a:latin typeface="Oswald" charset="0"/>
          </a:endParaRPr>
        </a:p>
      </dgm:t>
    </dgm:pt>
    <dgm:pt modelId="{E511D695-B518-47F4-B089-0D8FDD360DB2}" type="parTrans" cxnId="{92D4B866-B3C5-41DC-93A4-79E8CBF2E38F}">
      <dgm:prSet/>
      <dgm:spPr/>
      <dgm:t>
        <a:bodyPr/>
        <a:lstStyle/>
        <a:p>
          <a:endParaRPr lang="fr-FR"/>
        </a:p>
      </dgm:t>
    </dgm:pt>
    <dgm:pt modelId="{1DFA8305-1A34-4DA9-A0A1-3A07B29841AB}" type="sibTrans" cxnId="{92D4B866-B3C5-41DC-93A4-79E8CBF2E38F}">
      <dgm:prSet/>
      <dgm:spPr/>
      <dgm:t>
        <a:bodyPr/>
        <a:lstStyle/>
        <a:p>
          <a:endParaRPr lang="fr-FR"/>
        </a:p>
      </dgm:t>
    </dgm:pt>
    <dgm:pt modelId="{003D8FBF-EA3F-4117-B541-98921DDD526A}">
      <dgm:prSet phldrT="[Texte]"/>
      <dgm:spPr/>
      <dgm:t>
        <a:bodyPr/>
        <a:lstStyle/>
        <a:p>
          <a:r>
            <a:rPr lang="fr-FR" b="1" u="sng" dirty="0" smtClean="0">
              <a:latin typeface="Oswald" charset="0"/>
            </a:rPr>
            <a:t>Comparatif</a:t>
          </a:r>
          <a:endParaRPr lang="fr-FR" b="1" u="sng" dirty="0">
            <a:latin typeface="Oswald" charset="0"/>
          </a:endParaRPr>
        </a:p>
      </dgm:t>
    </dgm:pt>
    <dgm:pt modelId="{D960D04E-6E8B-4753-BC5D-D775E93851FF}" type="parTrans" cxnId="{F418207C-10B8-485C-B0DA-79E15CB5DC57}">
      <dgm:prSet/>
      <dgm:spPr/>
      <dgm:t>
        <a:bodyPr/>
        <a:lstStyle/>
        <a:p>
          <a:endParaRPr lang="fr-FR"/>
        </a:p>
      </dgm:t>
    </dgm:pt>
    <dgm:pt modelId="{F00417C4-07BA-468B-AA12-9304AA8557DD}" type="sibTrans" cxnId="{F418207C-10B8-485C-B0DA-79E15CB5DC57}">
      <dgm:prSet/>
      <dgm:spPr/>
      <dgm:t>
        <a:bodyPr/>
        <a:lstStyle/>
        <a:p>
          <a:endParaRPr lang="fr-FR"/>
        </a:p>
      </dgm:t>
    </dgm:pt>
    <dgm:pt modelId="{9153B0B0-81B4-4313-A477-632D9C5DE389}" type="pres">
      <dgm:prSet presAssocID="{4A3BD9D1-051B-4D69-B696-713339F72C0B}" presName="linear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499E1DEE-DF83-4676-9037-1D5D39880117}" type="pres">
      <dgm:prSet presAssocID="{EDA3EEDF-B99E-4FCF-A0EA-B123BDA0AFA9}" presName="parentLin" presStyleCnt="0"/>
      <dgm:spPr/>
    </dgm:pt>
    <dgm:pt modelId="{54D48B22-13D5-42E0-A39D-EDB705761CA5}" type="pres">
      <dgm:prSet presAssocID="{EDA3EEDF-B99E-4FCF-A0EA-B123BDA0AFA9}" presName="parentLeftMargin" presStyleLbl="node1" presStyleIdx="0" presStyleCnt="7"/>
      <dgm:spPr/>
      <dgm:t>
        <a:bodyPr/>
        <a:lstStyle/>
        <a:p>
          <a:endParaRPr lang="fr-FR"/>
        </a:p>
      </dgm:t>
    </dgm:pt>
    <dgm:pt modelId="{87D943F6-57D1-4897-8BD4-967AE2D9DF4D}" type="pres">
      <dgm:prSet presAssocID="{EDA3EEDF-B99E-4FCF-A0EA-B123BDA0AFA9}" presName="parentText" presStyleLbl="node1" presStyleIdx="0" presStyleCnt="7">
        <dgm:presLayoutVars>
          <dgm:chMax val="0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63E3C18E-3168-4244-BAAE-084F349EE509}" type="pres">
      <dgm:prSet presAssocID="{EDA3EEDF-B99E-4FCF-A0EA-B123BDA0AFA9}" presName="negativeSpace" presStyleCnt="0"/>
      <dgm:spPr/>
    </dgm:pt>
    <dgm:pt modelId="{7D824835-C04F-490F-B411-DCD0D1FF2DE8}" type="pres">
      <dgm:prSet presAssocID="{EDA3EEDF-B99E-4FCF-A0EA-B123BDA0AFA9}" presName="childText" presStyleLbl="conFgAcc1" presStyleIdx="0" presStyleCnt="7">
        <dgm:presLayoutVars>
          <dgm:bulletEnabled val="1"/>
        </dgm:presLayoutVars>
      </dgm:prSet>
      <dgm:spPr/>
    </dgm:pt>
    <dgm:pt modelId="{8A0D33BD-19E7-45E4-8B8B-60A2D77D04D8}" type="pres">
      <dgm:prSet presAssocID="{46E2EE2D-39C1-40EA-B01C-C58E659086CA}" presName="spaceBetweenRectangles" presStyleCnt="0"/>
      <dgm:spPr/>
    </dgm:pt>
    <dgm:pt modelId="{F4F35851-1FEF-402A-A51C-EE1B782A779B}" type="pres">
      <dgm:prSet presAssocID="{409CC056-A980-4963-A3C5-EEA3FD5C847D}" presName="parentLin" presStyleCnt="0"/>
      <dgm:spPr/>
    </dgm:pt>
    <dgm:pt modelId="{68D93690-4831-45BB-8CD1-E7AC0CBFA1D8}" type="pres">
      <dgm:prSet presAssocID="{409CC056-A980-4963-A3C5-EEA3FD5C847D}" presName="parentLeftMargin" presStyleLbl="node1" presStyleIdx="0" presStyleCnt="7"/>
      <dgm:spPr/>
      <dgm:t>
        <a:bodyPr/>
        <a:lstStyle/>
        <a:p>
          <a:endParaRPr lang="fr-FR"/>
        </a:p>
      </dgm:t>
    </dgm:pt>
    <dgm:pt modelId="{851C8A47-80AE-43E4-B917-23056A10588D}" type="pres">
      <dgm:prSet presAssocID="{409CC056-A980-4963-A3C5-EEA3FD5C847D}" presName="parentText" presStyleLbl="node1" presStyleIdx="1" presStyleCnt="7">
        <dgm:presLayoutVars>
          <dgm:chMax val="0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F58B689-06F4-415E-BA00-5BC53B33A5BB}" type="pres">
      <dgm:prSet presAssocID="{409CC056-A980-4963-A3C5-EEA3FD5C847D}" presName="negativeSpace" presStyleCnt="0"/>
      <dgm:spPr/>
    </dgm:pt>
    <dgm:pt modelId="{0A48F6CC-2D0F-4DC5-8790-842C660B596D}" type="pres">
      <dgm:prSet presAssocID="{409CC056-A980-4963-A3C5-EEA3FD5C847D}" presName="childText" presStyleLbl="conFgAcc1" presStyleIdx="1" presStyleCnt="7">
        <dgm:presLayoutVars>
          <dgm:bulletEnabled val="1"/>
        </dgm:presLayoutVars>
      </dgm:prSet>
      <dgm:spPr/>
    </dgm:pt>
    <dgm:pt modelId="{B1BD44F7-E048-4B42-BD02-79F02381CFCC}" type="pres">
      <dgm:prSet presAssocID="{1DFA8305-1A34-4DA9-A0A1-3A07B29841AB}" presName="spaceBetweenRectangles" presStyleCnt="0"/>
      <dgm:spPr/>
    </dgm:pt>
    <dgm:pt modelId="{2BEFC8CB-F194-47B7-A562-0E51F8DDB386}" type="pres">
      <dgm:prSet presAssocID="{7CC4080F-8F3F-494B-9568-FF2EB0DDD1C8}" presName="parentLin" presStyleCnt="0"/>
      <dgm:spPr/>
    </dgm:pt>
    <dgm:pt modelId="{F60D588D-28C3-4002-AE3E-D000960D69CC}" type="pres">
      <dgm:prSet presAssocID="{7CC4080F-8F3F-494B-9568-FF2EB0DDD1C8}" presName="parentLeftMargin" presStyleLbl="node1" presStyleIdx="1" presStyleCnt="7"/>
      <dgm:spPr/>
      <dgm:t>
        <a:bodyPr/>
        <a:lstStyle/>
        <a:p>
          <a:endParaRPr lang="fr-FR"/>
        </a:p>
      </dgm:t>
    </dgm:pt>
    <dgm:pt modelId="{E4668CD6-09F1-4E11-961D-8EA4B0024A3E}" type="pres">
      <dgm:prSet presAssocID="{7CC4080F-8F3F-494B-9568-FF2EB0DDD1C8}" presName="parentText" presStyleLbl="node1" presStyleIdx="2" presStyleCnt="7" custLinFactNeighborX="-1961" custLinFactNeighborY="-2766">
        <dgm:presLayoutVars>
          <dgm:chMax val="0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7D60B8C-17EC-472D-B4ED-1DF6B3636454}" type="pres">
      <dgm:prSet presAssocID="{7CC4080F-8F3F-494B-9568-FF2EB0DDD1C8}" presName="negativeSpace" presStyleCnt="0"/>
      <dgm:spPr/>
    </dgm:pt>
    <dgm:pt modelId="{202F020A-019F-46B7-9946-C212136280F0}" type="pres">
      <dgm:prSet presAssocID="{7CC4080F-8F3F-494B-9568-FF2EB0DDD1C8}" presName="childText" presStyleLbl="conFgAcc1" presStyleIdx="2" presStyleCnt="7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67789A75-985B-4460-97CB-B107AD066FCA}" type="pres">
      <dgm:prSet presAssocID="{F207E84D-5F07-4FB1-BE4E-CF95564C9DD7}" presName="spaceBetweenRectangles" presStyleCnt="0"/>
      <dgm:spPr/>
    </dgm:pt>
    <dgm:pt modelId="{0C646C9F-CA6E-46C3-84D8-61F882369288}" type="pres">
      <dgm:prSet presAssocID="{DB01ED01-69A6-4F1B-96C4-1E6E49264511}" presName="parentLin" presStyleCnt="0"/>
      <dgm:spPr/>
    </dgm:pt>
    <dgm:pt modelId="{74A9735E-0D93-4E0A-9F7A-B47BD1D92BF7}" type="pres">
      <dgm:prSet presAssocID="{DB01ED01-69A6-4F1B-96C4-1E6E49264511}" presName="parentLeftMargin" presStyleLbl="node1" presStyleIdx="2" presStyleCnt="7"/>
      <dgm:spPr/>
      <dgm:t>
        <a:bodyPr/>
        <a:lstStyle/>
        <a:p>
          <a:endParaRPr lang="fr-FR"/>
        </a:p>
      </dgm:t>
    </dgm:pt>
    <dgm:pt modelId="{FB1403ED-1C43-4D87-9981-2467F169093D}" type="pres">
      <dgm:prSet presAssocID="{DB01ED01-69A6-4F1B-96C4-1E6E49264511}" presName="parentText" presStyleLbl="node1" presStyleIdx="3" presStyleCnt="7">
        <dgm:presLayoutVars>
          <dgm:chMax val="0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54B081B-7FC6-435F-B953-D1D92E83C35B}" type="pres">
      <dgm:prSet presAssocID="{DB01ED01-69A6-4F1B-96C4-1E6E49264511}" presName="negativeSpace" presStyleCnt="0"/>
      <dgm:spPr/>
    </dgm:pt>
    <dgm:pt modelId="{A350D3C2-E5B9-4DAF-A507-A1918FC53627}" type="pres">
      <dgm:prSet presAssocID="{DB01ED01-69A6-4F1B-96C4-1E6E49264511}" presName="childText" presStyleLbl="conFgAcc1" presStyleIdx="3" presStyleCnt="7">
        <dgm:presLayoutVars>
          <dgm:bulletEnabled val="1"/>
        </dgm:presLayoutVars>
      </dgm:prSet>
      <dgm:spPr/>
    </dgm:pt>
    <dgm:pt modelId="{C63FBF41-403E-4A35-BAF5-97C9AB386AE1}" type="pres">
      <dgm:prSet presAssocID="{41110579-B4E8-4582-B0AC-3D3F3A8297EC}" presName="spaceBetweenRectangles" presStyleCnt="0"/>
      <dgm:spPr/>
    </dgm:pt>
    <dgm:pt modelId="{537BCE26-9F12-4A67-94A1-6B6A660C61E0}" type="pres">
      <dgm:prSet presAssocID="{003D8FBF-EA3F-4117-B541-98921DDD526A}" presName="parentLin" presStyleCnt="0"/>
      <dgm:spPr/>
    </dgm:pt>
    <dgm:pt modelId="{766AF1DC-E432-43A5-94DC-1BA9DFB817C7}" type="pres">
      <dgm:prSet presAssocID="{003D8FBF-EA3F-4117-B541-98921DDD526A}" presName="parentLeftMargin" presStyleLbl="node1" presStyleIdx="3" presStyleCnt="7"/>
      <dgm:spPr/>
      <dgm:t>
        <a:bodyPr/>
        <a:lstStyle/>
        <a:p>
          <a:endParaRPr lang="fr-FR"/>
        </a:p>
      </dgm:t>
    </dgm:pt>
    <dgm:pt modelId="{3F6CE17A-809C-4158-BA78-39063C9E6935}" type="pres">
      <dgm:prSet presAssocID="{003D8FBF-EA3F-4117-B541-98921DDD526A}" presName="parentText" presStyleLbl="node1" presStyleIdx="4" presStyleCnt="7">
        <dgm:presLayoutVars>
          <dgm:chMax val="0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18BBE24-E7FA-4260-A9CF-965321DBC5D1}" type="pres">
      <dgm:prSet presAssocID="{003D8FBF-EA3F-4117-B541-98921DDD526A}" presName="negativeSpace" presStyleCnt="0"/>
      <dgm:spPr/>
    </dgm:pt>
    <dgm:pt modelId="{8EA9A77C-4C62-480E-8125-0E044C476D95}" type="pres">
      <dgm:prSet presAssocID="{003D8FBF-EA3F-4117-B541-98921DDD526A}" presName="childText" presStyleLbl="conFgAcc1" presStyleIdx="4" presStyleCnt="7">
        <dgm:presLayoutVars>
          <dgm:bulletEnabled val="1"/>
        </dgm:presLayoutVars>
      </dgm:prSet>
      <dgm:spPr/>
    </dgm:pt>
    <dgm:pt modelId="{99B65DFD-3257-46E1-8DF2-F089D783AFCB}" type="pres">
      <dgm:prSet presAssocID="{F00417C4-07BA-468B-AA12-9304AA8557DD}" presName="spaceBetweenRectangles" presStyleCnt="0"/>
      <dgm:spPr/>
    </dgm:pt>
    <dgm:pt modelId="{833BEE44-4BC8-4FD9-AC0B-B4CB1249E4CB}" type="pres">
      <dgm:prSet presAssocID="{5BC646DA-E0C6-41F7-8F10-331FAC415198}" presName="parentLin" presStyleCnt="0"/>
      <dgm:spPr/>
    </dgm:pt>
    <dgm:pt modelId="{FE0141C3-12E8-4CC9-B7AF-75FEDFC51D9B}" type="pres">
      <dgm:prSet presAssocID="{5BC646DA-E0C6-41F7-8F10-331FAC415198}" presName="parentLeftMargin" presStyleLbl="node1" presStyleIdx="4" presStyleCnt="7"/>
      <dgm:spPr/>
      <dgm:t>
        <a:bodyPr/>
        <a:lstStyle/>
        <a:p>
          <a:endParaRPr lang="fr-FR"/>
        </a:p>
      </dgm:t>
    </dgm:pt>
    <dgm:pt modelId="{DE4A48AF-7837-4B55-90E8-9A02C244F89A}" type="pres">
      <dgm:prSet presAssocID="{5BC646DA-E0C6-41F7-8F10-331FAC415198}" presName="parentText" presStyleLbl="node1" presStyleIdx="5" presStyleCnt="7">
        <dgm:presLayoutVars>
          <dgm:chMax val="0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D0C2F69-3350-4E4C-AF81-80C6FE83E9DD}" type="pres">
      <dgm:prSet presAssocID="{5BC646DA-E0C6-41F7-8F10-331FAC415198}" presName="negativeSpace" presStyleCnt="0"/>
      <dgm:spPr/>
    </dgm:pt>
    <dgm:pt modelId="{A18EC87E-FF47-4CB5-A23C-39B371C3B518}" type="pres">
      <dgm:prSet presAssocID="{5BC646DA-E0C6-41F7-8F10-331FAC415198}" presName="childText" presStyleLbl="conFgAcc1" presStyleIdx="5" presStyleCnt="7">
        <dgm:presLayoutVars>
          <dgm:bulletEnabled val="1"/>
        </dgm:presLayoutVars>
      </dgm:prSet>
      <dgm:spPr/>
    </dgm:pt>
    <dgm:pt modelId="{38C935CA-37E0-4425-954F-6E84CA547973}" type="pres">
      <dgm:prSet presAssocID="{48843392-895A-4033-886C-6E739FC2197D}" presName="spaceBetweenRectangles" presStyleCnt="0"/>
      <dgm:spPr/>
    </dgm:pt>
    <dgm:pt modelId="{322321DA-F488-4115-B146-17221C98D806}" type="pres">
      <dgm:prSet presAssocID="{69296E0D-D771-46AD-B06F-19AE526FFFF2}" presName="parentLin" presStyleCnt="0"/>
      <dgm:spPr/>
    </dgm:pt>
    <dgm:pt modelId="{321B3B80-DFF9-4E8B-832E-4FA0B20A5841}" type="pres">
      <dgm:prSet presAssocID="{69296E0D-D771-46AD-B06F-19AE526FFFF2}" presName="parentLeftMargin" presStyleLbl="node1" presStyleIdx="5" presStyleCnt="7"/>
      <dgm:spPr/>
      <dgm:t>
        <a:bodyPr/>
        <a:lstStyle/>
        <a:p>
          <a:endParaRPr lang="fr-FR"/>
        </a:p>
      </dgm:t>
    </dgm:pt>
    <dgm:pt modelId="{D81240A2-724C-48BB-AF96-609F6C53F8CA}" type="pres">
      <dgm:prSet presAssocID="{69296E0D-D771-46AD-B06F-19AE526FFFF2}" presName="parentText" presStyleLbl="node1" presStyleIdx="6" presStyleCnt="7">
        <dgm:presLayoutVars>
          <dgm:chMax val="0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2CBB74DA-AB8A-45E9-ADE1-59065E8F568B}" type="pres">
      <dgm:prSet presAssocID="{69296E0D-D771-46AD-B06F-19AE526FFFF2}" presName="negativeSpace" presStyleCnt="0"/>
      <dgm:spPr/>
    </dgm:pt>
    <dgm:pt modelId="{5C50F085-564F-43C1-B4BB-7B17FEBC2C41}" type="pres">
      <dgm:prSet presAssocID="{69296E0D-D771-46AD-B06F-19AE526FFFF2}" presName="childText" presStyleLbl="conFgAcc1" presStyleIdx="6" presStyleCnt="7" custLinFactNeighborX="-216" custLinFactNeighborY="15707">
        <dgm:presLayoutVars>
          <dgm:bulletEnabled val="1"/>
        </dgm:presLayoutVars>
      </dgm:prSet>
      <dgm:spPr/>
    </dgm:pt>
  </dgm:ptLst>
  <dgm:cxnLst>
    <dgm:cxn modelId="{85C4BD2F-F174-4262-B931-A6CF1A936705}" srcId="{4A3BD9D1-051B-4D69-B696-713339F72C0B}" destId="{69296E0D-D771-46AD-B06F-19AE526FFFF2}" srcOrd="6" destOrd="0" parTransId="{DCDD6C10-E457-4C3F-BCF4-7D43BA37FD17}" sibTransId="{C7A933D4-6B74-44A9-B386-F5662A02C467}"/>
    <dgm:cxn modelId="{D91F5FD1-1944-44B6-A282-A6C015BCC837}" type="presOf" srcId="{7CC4080F-8F3F-494B-9568-FF2EB0DDD1C8}" destId="{E4668CD6-09F1-4E11-961D-8EA4B0024A3E}" srcOrd="1" destOrd="0" presId="urn:microsoft.com/office/officeart/2005/8/layout/list1"/>
    <dgm:cxn modelId="{92D4B866-B3C5-41DC-93A4-79E8CBF2E38F}" srcId="{4A3BD9D1-051B-4D69-B696-713339F72C0B}" destId="{409CC056-A980-4963-A3C5-EEA3FD5C847D}" srcOrd="1" destOrd="0" parTransId="{E511D695-B518-47F4-B089-0D8FDD360DB2}" sibTransId="{1DFA8305-1A34-4DA9-A0A1-3A07B29841AB}"/>
    <dgm:cxn modelId="{6524BA6E-A164-4697-9E3C-D22D3D429D37}" type="presOf" srcId="{69296E0D-D771-46AD-B06F-19AE526FFFF2}" destId="{D81240A2-724C-48BB-AF96-609F6C53F8CA}" srcOrd="1" destOrd="0" presId="urn:microsoft.com/office/officeart/2005/8/layout/list1"/>
    <dgm:cxn modelId="{A8FD822E-42CE-467C-B562-B0E6EE8E8925}" type="presOf" srcId="{4A3BD9D1-051B-4D69-B696-713339F72C0B}" destId="{9153B0B0-81B4-4313-A477-632D9C5DE389}" srcOrd="0" destOrd="0" presId="urn:microsoft.com/office/officeart/2005/8/layout/list1"/>
    <dgm:cxn modelId="{D80A070E-5CCB-442D-894D-01ADB6340C24}" type="presOf" srcId="{DB01ED01-69A6-4F1B-96C4-1E6E49264511}" destId="{74A9735E-0D93-4E0A-9F7A-B47BD1D92BF7}" srcOrd="0" destOrd="0" presId="urn:microsoft.com/office/officeart/2005/8/layout/list1"/>
    <dgm:cxn modelId="{D783AB71-BC40-4821-B61B-531F6453876F}" srcId="{4A3BD9D1-051B-4D69-B696-713339F72C0B}" destId="{DB01ED01-69A6-4F1B-96C4-1E6E49264511}" srcOrd="3" destOrd="0" parTransId="{B802EFCA-03D7-4AA8-9C94-41921CD41536}" sibTransId="{41110579-B4E8-4582-B0AC-3D3F3A8297EC}"/>
    <dgm:cxn modelId="{E4931245-C9AC-48EE-A3A4-A8305E3668CA}" srcId="{4A3BD9D1-051B-4D69-B696-713339F72C0B}" destId="{7CC4080F-8F3F-494B-9568-FF2EB0DDD1C8}" srcOrd="2" destOrd="0" parTransId="{96F74935-E806-4032-9D50-9EC74FAC469B}" sibTransId="{F207E84D-5F07-4FB1-BE4E-CF95564C9DD7}"/>
    <dgm:cxn modelId="{F6E8F3F3-6040-4617-9226-699137FCBB4A}" type="presOf" srcId="{5BC646DA-E0C6-41F7-8F10-331FAC415198}" destId="{FE0141C3-12E8-4CC9-B7AF-75FEDFC51D9B}" srcOrd="0" destOrd="0" presId="urn:microsoft.com/office/officeart/2005/8/layout/list1"/>
    <dgm:cxn modelId="{1019E5FC-3136-49EE-AF09-B867C640E95E}" type="presOf" srcId="{EDA3EEDF-B99E-4FCF-A0EA-B123BDA0AFA9}" destId="{87D943F6-57D1-4897-8BD4-967AE2D9DF4D}" srcOrd="1" destOrd="0" presId="urn:microsoft.com/office/officeart/2005/8/layout/list1"/>
    <dgm:cxn modelId="{13696D64-0127-4A6F-8D05-0FB3BC8FEC58}" type="presOf" srcId="{5BC646DA-E0C6-41F7-8F10-331FAC415198}" destId="{DE4A48AF-7837-4B55-90E8-9A02C244F89A}" srcOrd="1" destOrd="0" presId="urn:microsoft.com/office/officeart/2005/8/layout/list1"/>
    <dgm:cxn modelId="{463BC13B-95CA-483B-BCA3-994F06B4F424}" srcId="{4A3BD9D1-051B-4D69-B696-713339F72C0B}" destId="{5BC646DA-E0C6-41F7-8F10-331FAC415198}" srcOrd="5" destOrd="0" parTransId="{10A9BEE0-5299-48F1-A0AE-56D29DDABE42}" sibTransId="{48843392-895A-4033-886C-6E739FC2197D}"/>
    <dgm:cxn modelId="{89E84EF5-4782-46BB-AC5A-C87BED6DF100}" type="presOf" srcId="{7CC4080F-8F3F-494B-9568-FF2EB0DDD1C8}" destId="{F60D588D-28C3-4002-AE3E-D000960D69CC}" srcOrd="0" destOrd="0" presId="urn:microsoft.com/office/officeart/2005/8/layout/list1"/>
    <dgm:cxn modelId="{F418207C-10B8-485C-B0DA-79E15CB5DC57}" srcId="{4A3BD9D1-051B-4D69-B696-713339F72C0B}" destId="{003D8FBF-EA3F-4117-B541-98921DDD526A}" srcOrd="4" destOrd="0" parTransId="{D960D04E-6E8B-4753-BC5D-D775E93851FF}" sibTransId="{F00417C4-07BA-468B-AA12-9304AA8557DD}"/>
    <dgm:cxn modelId="{621E0170-A942-424C-AD85-80194E8A5FFD}" type="presOf" srcId="{409CC056-A980-4963-A3C5-EEA3FD5C847D}" destId="{851C8A47-80AE-43E4-B917-23056A10588D}" srcOrd="1" destOrd="0" presId="urn:microsoft.com/office/officeart/2005/8/layout/list1"/>
    <dgm:cxn modelId="{E66ECC67-1DFF-472F-ABD5-7BE0855FB950}" type="presOf" srcId="{003D8FBF-EA3F-4117-B541-98921DDD526A}" destId="{3F6CE17A-809C-4158-BA78-39063C9E6935}" srcOrd="1" destOrd="0" presId="urn:microsoft.com/office/officeart/2005/8/layout/list1"/>
    <dgm:cxn modelId="{C0B5F5BE-ECE2-4941-B48C-B496023A4D05}" type="presOf" srcId="{DB01ED01-69A6-4F1B-96C4-1E6E49264511}" destId="{FB1403ED-1C43-4D87-9981-2467F169093D}" srcOrd="1" destOrd="0" presId="urn:microsoft.com/office/officeart/2005/8/layout/list1"/>
    <dgm:cxn modelId="{DDDCEA04-6D87-43B6-90A1-9F4F83947467}" type="presOf" srcId="{69296E0D-D771-46AD-B06F-19AE526FFFF2}" destId="{321B3B80-DFF9-4E8B-832E-4FA0B20A5841}" srcOrd="0" destOrd="0" presId="urn:microsoft.com/office/officeart/2005/8/layout/list1"/>
    <dgm:cxn modelId="{E2CC00F2-8744-4883-858E-0506504F4345}" type="presOf" srcId="{EDA3EEDF-B99E-4FCF-A0EA-B123BDA0AFA9}" destId="{54D48B22-13D5-42E0-A39D-EDB705761CA5}" srcOrd="0" destOrd="0" presId="urn:microsoft.com/office/officeart/2005/8/layout/list1"/>
    <dgm:cxn modelId="{ADE99C02-0DD1-444A-B1A3-A283222F6689}" srcId="{4A3BD9D1-051B-4D69-B696-713339F72C0B}" destId="{EDA3EEDF-B99E-4FCF-A0EA-B123BDA0AFA9}" srcOrd="0" destOrd="0" parTransId="{5BA1F60A-F636-4143-8505-5B715313B4BB}" sibTransId="{46E2EE2D-39C1-40EA-B01C-C58E659086CA}"/>
    <dgm:cxn modelId="{DB02CFA6-8FAB-497D-836A-7FDB1DDEC442}" type="presOf" srcId="{003D8FBF-EA3F-4117-B541-98921DDD526A}" destId="{766AF1DC-E432-43A5-94DC-1BA9DFB817C7}" srcOrd="0" destOrd="0" presId="urn:microsoft.com/office/officeart/2005/8/layout/list1"/>
    <dgm:cxn modelId="{911BFFC0-7D64-4241-B7C3-14B6F70EAD44}" type="presOf" srcId="{409CC056-A980-4963-A3C5-EEA3FD5C847D}" destId="{68D93690-4831-45BB-8CD1-E7AC0CBFA1D8}" srcOrd="0" destOrd="0" presId="urn:microsoft.com/office/officeart/2005/8/layout/list1"/>
    <dgm:cxn modelId="{BF63F03D-1646-44FD-A9C0-B53B1AB84811}" type="presParOf" srcId="{9153B0B0-81B4-4313-A477-632D9C5DE389}" destId="{499E1DEE-DF83-4676-9037-1D5D39880117}" srcOrd="0" destOrd="0" presId="urn:microsoft.com/office/officeart/2005/8/layout/list1"/>
    <dgm:cxn modelId="{63D2D8C0-B9E8-4119-8936-EE5163D4C76C}" type="presParOf" srcId="{499E1DEE-DF83-4676-9037-1D5D39880117}" destId="{54D48B22-13D5-42E0-A39D-EDB705761CA5}" srcOrd="0" destOrd="0" presId="urn:microsoft.com/office/officeart/2005/8/layout/list1"/>
    <dgm:cxn modelId="{D6FF66B0-F147-4555-9AB3-A55505B89310}" type="presParOf" srcId="{499E1DEE-DF83-4676-9037-1D5D39880117}" destId="{87D943F6-57D1-4897-8BD4-967AE2D9DF4D}" srcOrd="1" destOrd="0" presId="urn:microsoft.com/office/officeart/2005/8/layout/list1"/>
    <dgm:cxn modelId="{AABE3F87-16FA-4DDE-8C32-1B71678C63FF}" type="presParOf" srcId="{9153B0B0-81B4-4313-A477-632D9C5DE389}" destId="{63E3C18E-3168-4244-BAAE-084F349EE509}" srcOrd="1" destOrd="0" presId="urn:microsoft.com/office/officeart/2005/8/layout/list1"/>
    <dgm:cxn modelId="{4C365A03-43CF-4270-BEE7-4EC877E52A3A}" type="presParOf" srcId="{9153B0B0-81B4-4313-A477-632D9C5DE389}" destId="{7D824835-C04F-490F-B411-DCD0D1FF2DE8}" srcOrd="2" destOrd="0" presId="urn:microsoft.com/office/officeart/2005/8/layout/list1"/>
    <dgm:cxn modelId="{D45E4A57-B981-441C-AFDE-07AC34360E42}" type="presParOf" srcId="{9153B0B0-81B4-4313-A477-632D9C5DE389}" destId="{8A0D33BD-19E7-45E4-8B8B-60A2D77D04D8}" srcOrd="3" destOrd="0" presId="urn:microsoft.com/office/officeart/2005/8/layout/list1"/>
    <dgm:cxn modelId="{11C21070-9613-45AE-B123-16EA3A72AFA5}" type="presParOf" srcId="{9153B0B0-81B4-4313-A477-632D9C5DE389}" destId="{F4F35851-1FEF-402A-A51C-EE1B782A779B}" srcOrd="4" destOrd="0" presId="urn:microsoft.com/office/officeart/2005/8/layout/list1"/>
    <dgm:cxn modelId="{1412E7F0-248F-4C64-8070-E7218AEA30AD}" type="presParOf" srcId="{F4F35851-1FEF-402A-A51C-EE1B782A779B}" destId="{68D93690-4831-45BB-8CD1-E7AC0CBFA1D8}" srcOrd="0" destOrd="0" presId="urn:microsoft.com/office/officeart/2005/8/layout/list1"/>
    <dgm:cxn modelId="{583E5AA5-2D3F-4B13-B58D-EFAC3E251D8A}" type="presParOf" srcId="{F4F35851-1FEF-402A-A51C-EE1B782A779B}" destId="{851C8A47-80AE-43E4-B917-23056A10588D}" srcOrd="1" destOrd="0" presId="urn:microsoft.com/office/officeart/2005/8/layout/list1"/>
    <dgm:cxn modelId="{306DFE94-78CD-464D-9E8A-9A3F5262C303}" type="presParOf" srcId="{9153B0B0-81B4-4313-A477-632D9C5DE389}" destId="{AF58B689-06F4-415E-BA00-5BC53B33A5BB}" srcOrd="5" destOrd="0" presId="urn:microsoft.com/office/officeart/2005/8/layout/list1"/>
    <dgm:cxn modelId="{A9ACF527-58FB-416D-9EC4-B0449F9FFB81}" type="presParOf" srcId="{9153B0B0-81B4-4313-A477-632D9C5DE389}" destId="{0A48F6CC-2D0F-4DC5-8790-842C660B596D}" srcOrd="6" destOrd="0" presId="urn:microsoft.com/office/officeart/2005/8/layout/list1"/>
    <dgm:cxn modelId="{20498BB3-5CD0-4041-810A-198DD12C0B88}" type="presParOf" srcId="{9153B0B0-81B4-4313-A477-632D9C5DE389}" destId="{B1BD44F7-E048-4B42-BD02-79F02381CFCC}" srcOrd="7" destOrd="0" presId="urn:microsoft.com/office/officeart/2005/8/layout/list1"/>
    <dgm:cxn modelId="{79CFBCD2-E297-453B-80AA-820623847072}" type="presParOf" srcId="{9153B0B0-81B4-4313-A477-632D9C5DE389}" destId="{2BEFC8CB-F194-47B7-A562-0E51F8DDB386}" srcOrd="8" destOrd="0" presId="urn:microsoft.com/office/officeart/2005/8/layout/list1"/>
    <dgm:cxn modelId="{5EDC3A31-6072-4887-99C9-C9CF9D897FD8}" type="presParOf" srcId="{2BEFC8CB-F194-47B7-A562-0E51F8DDB386}" destId="{F60D588D-28C3-4002-AE3E-D000960D69CC}" srcOrd="0" destOrd="0" presId="urn:microsoft.com/office/officeart/2005/8/layout/list1"/>
    <dgm:cxn modelId="{31C68870-FDCB-4AA6-B381-A2817C0105E7}" type="presParOf" srcId="{2BEFC8CB-F194-47B7-A562-0E51F8DDB386}" destId="{E4668CD6-09F1-4E11-961D-8EA4B0024A3E}" srcOrd="1" destOrd="0" presId="urn:microsoft.com/office/officeart/2005/8/layout/list1"/>
    <dgm:cxn modelId="{FFB3AC8B-0D79-4254-9804-24B43C33AD1B}" type="presParOf" srcId="{9153B0B0-81B4-4313-A477-632D9C5DE389}" destId="{A7D60B8C-17EC-472D-B4ED-1DF6B3636454}" srcOrd="9" destOrd="0" presId="urn:microsoft.com/office/officeart/2005/8/layout/list1"/>
    <dgm:cxn modelId="{4A922974-E8C0-40EA-98C0-E53DB179094F}" type="presParOf" srcId="{9153B0B0-81B4-4313-A477-632D9C5DE389}" destId="{202F020A-019F-46B7-9946-C212136280F0}" srcOrd="10" destOrd="0" presId="urn:microsoft.com/office/officeart/2005/8/layout/list1"/>
    <dgm:cxn modelId="{0CB52CD7-972A-4868-A4F5-220FD92D1841}" type="presParOf" srcId="{9153B0B0-81B4-4313-A477-632D9C5DE389}" destId="{67789A75-985B-4460-97CB-B107AD066FCA}" srcOrd="11" destOrd="0" presId="urn:microsoft.com/office/officeart/2005/8/layout/list1"/>
    <dgm:cxn modelId="{3B60AF42-058E-42FA-B1C6-5740FB47117C}" type="presParOf" srcId="{9153B0B0-81B4-4313-A477-632D9C5DE389}" destId="{0C646C9F-CA6E-46C3-84D8-61F882369288}" srcOrd="12" destOrd="0" presId="urn:microsoft.com/office/officeart/2005/8/layout/list1"/>
    <dgm:cxn modelId="{ED85CDC6-35FC-4F81-AC1C-4A1CA00DAD1E}" type="presParOf" srcId="{0C646C9F-CA6E-46C3-84D8-61F882369288}" destId="{74A9735E-0D93-4E0A-9F7A-B47BD1D92BF7}" srcOrd="0" destOrd="0" presId="urn:microsoft.com/office/officeart/2005/8/layout/list1"/>
    <dgm:cxn modelId="{6DB03728-E509-4F45-BF0D-19379295346B}" type="presParOf" srcId="{0C646C9F-CA6E-46C3-84D8-61F882369288}" destId="{FB1403ED-1C43-4D87-9981-2467F169093D}" srcOrd="1" destOrd="0" presId="urn:microsoft.com/office/officeart/2005/8/layout/list1"/>
    <dgm:cxn modelId="{56096526-3863-452F-8983-37506543B6D7}" type="presParOf" srcId="{9153B0B0-81B4-4313-A477-632D9C5DE389}" destId="{C54B081B-7FC6-435F-B953-D1D92E83C35B}" srcOrd="13" destOrd="0" presId="urn:microsoft.com/office/officeart/2005/8/layout/list1"/>
    <dgm:cxn modelId="{2C280D96-6F8B-4893-87C7-C0CC221FDD1F}" type="presParOf" srcId="{9153B0B0-81B4-4313-A477-632D9C5DE389}" destId="{A350D3C2-E5B9-4DAF-A507-A1918FC53627}" srcOrd="14" destOrd="0" presId="urn:microsoft.com/office/officeart/2005/8/layout/list1"/>
    <dgm:cxn modelId="{6A48DAF4-343D-461C-8269-7D4D5541F8D9}" type="presParOf" srcId="{9153B0B0-81B4-4313-A477-632D9C5DE389}" destId="{C63FBF41-403E-4A35-BAF5-97C9AB386AE1}" srcOrd="15" destOrd="0" presId="urn:microsoft.com/office/officeart/2005/8/layout/list1"/>
    <dgm:cxn modelId="{CA7750E5-FBC3-4ECD-B465-7FA9EEA370F6}" type="presParOf" srcId="{9153B0B0-81B4-4313-A477-632D9C5DE389}" destId="{537BCE26-9F12-4A67-94A1-6B6A660C61E0}" srcOrd="16" destOrd="0" presId="urn:microsoft.com/office/officeart/2005/8/layout/list1"/>
    <dgm:cxn modelId="{8D2CCE12-207D-4B83-83C9-DC2744D3D07D}" type="presParOf" srcId="{537BCE26-9F12-4A67-94A1-6B6A660C61E0}" destId="{766AF1DC-E432-43A5-94DC-1BA9DFB817C7}" srcOrd="0" destOrd="0" presId="urn:microsoft.com/office/officeart/2005/8/layout/list1"/>
    <dgm:cxn modelId="{BF91FB3E-415F-437F-9EE3-E8E602EBE7ED}" type="presParOf" srcId="{537BCE26-9F12-4A67-94A1-6B6A660C61E0}" destId="{3F6CE17A-809C-4158-BA78-39063C9E6935}" srcOrd="1" destOrd="0" presId="urn:microsoft.com/office/officeart/2005/8/layout/list1"/>
    <dgm:cxn modelId="{C1CE5B98-9A23-4AA4-A5C9-727ADEB077F3}" type="presParOf" srcId="{9153B0B0-81B4-4313-A477-632D9C5DE389}" destId="{418BBE24-E7FA-4260-A9CF-965321DBC5D1}" srcOrd="17" destOrd="0" presId="urn:microsoft.com/office/officeart/2005/8/layout/list1"/>
    <dgm:cxn modelId="{4625083A-B4A3-4CF4-876B-3DCB721039BB}" type="presParOf" srcId="{9153B0B0-81B4-4313-A477-632D9C5DE389}" destId="{8EA9A77C-4C62-480E-8125-0E044C476D95}" srcOrd="18" destOrd="0" presId="urn:microsoft.com/office/officeart/2005/8/layout/list1"/>
    <dgm:cxn modelId="{C63C17A2-EF32-495C-B46A-EB0D992FEE35}" type="presParOf" srcId="{9153B0B0-81B4-4313-A477-632D9C5DE389}" destId="{99B65DFD-3257-46E1-8DF2-F089D783AFCB}" srcOrd="19" destOrd="0" presId="urn:microsoft.com/office/officeart/2005/8/layout/list1"/>
    <dgm:cxn modelId="{7DA9342B-CC09-489D-8495-AF1FC938CB06}" type="presParOf" srcId="{9153B0B0-81B4-4313-A477-632D9C5DE389}" destId="{833BEE44-4BC8-4FD9-AC0B-B4CB1249E4CB}" srcOrd="20" destOrd="0" presId="urn:microsoft.com/office/officeart/2005/8/layout/list1"/>
    <dgm:cxn modelId="{F88DD345-E9A9-4EEF-9E5D-00F2F7A47AD9}" type="presParOf" srcId="{833BEE44-4BC8-4FD9-AC0B-B4CB1249E4CB}" destId="{FE0141C3-12E8-4CC9-B7AF-75FEDFC51D9B}" srcOrd="0" destOrd="0" presId="urn:microsoft.com/office/officeart/2005/8/layout/list1"/>
    <dgm:cxn modelId="{C3EF2AA9-C578-4651-8CF3-9318CEA8A63A}" type="presParOf" srcId="{833BEE44-4BC8-4FD9-AC0B-B4CB1249E4CB}" destId="{DE4A48AF-7837-4B55-90E8-9A02C244F89A}" srcOrd="1" destOrd="0" presId="urn:microsoft.com/office/officeart/2005/8/layout/list1"/>
    <dgm:cxn modelId="{05944061-6444-4576-B8A3-DFE175994C10}" type="presParOf" srcId="{9153B0B0-81B4-4313-A477-632D9C5DE389}" destId="{CD0C2F69-3350-4E4C-AF81-80C6FE83E9DD}" srcOrd="21" destOrd="0" presId="urn:microsoft.com/office/officeart/2005/8/layout/list1"/>
    <dgm:cxn modelId="{61BEAE10-6908-4DFB-8B52-A4BB9542B4EE}" type="presParOf" srcId="{9153B0B0-81B4-4313-A477-632D9C5DE389}" destId="{A18EC87E-FF47-4CB5-A23C-39B371C3B518}" srcOrd="22" destOrd="0" presId="urn:microsoft.com/office/officeart/2005/8/layout/list1"/>
    <dgm:cxn modelId="{C60483B6-2599-4E1E-B0D1-A4EF21045B54}" type="presParOf" srcId="{9153B0B0-81B4-4313-A477-632D9C5DE389}" destId="{38C935CA-37E0-4425-954F-6E84CA547973}" srcOrd="23" destOrd="0" presId="urn:microsoft.com/office/officeart/2005/8/layout/list1"/>
    <dgm:cxn modelId="{963F0442-5D33-48AD-887B-E77CE4D23F89}" type="presParOf" srcId="{9153B0B0-81B4-4313-A477-632D9C5DE389}" destId="{322321DA-F488-4115-B146-17221C98D806}" srcOrd="24" destOrd="0" presId="urn:microsoft.com/office/officeart/2005/8/layout/list1"/>
    <dgm:cxn modelId="{02EBFDBC-E6D6-444C-8F0B-FFEBEA2009CB}" type="presParOf" srcId="{322321DA-F488-4115-B146-17221C98D806}" destId="{321B3B80-DFF9-4E8B-832E-4FA0B20A5841}" srcOrd="0" destOrd="0" presId="urn:microsoft.com/office/officeart/2005/8/layout/list1"/>
    <dgm:cxn modelId="{5A17BFAE-9DF5-4EA8-B7E1-9117E7221897}" type="presParOf" srcId="{322321DA-F488-4115-B146-17221C98D806}" destId="{D81240A2-724C-48BB-AF96-609F6C53F8CA}" srcOrd="1" destOrd="0" presId="urn:microsoft.com/office/officeart/2005/8/layout/list1"/>
    <dgm:cxn modelId="{2B76B07D-B2C0-46C3-BF15-9C26E1B4882B}" type="presParOf" srcId="{9153B0B0-81B4-4313-A477-632D9C5DE389}" destId="{2CBB74DA-AB8A-45E9-ADE1-59065E8F568B}" srcOrd="25" destOrd="0" presId="urn:microsoft.com/office/officeart/2005/8/layout/list1"/>
    <dgm:cxn modelId="{08A44499-F975-4014-907F-DEE3D35010C6}" type="presParOf" srcId="{9153B0B0-81B4-4313-A477-632D9C5DE389}" destId="{5C50F085-564F-43C1-B4BB-7B17FEBC2C41}" srcOrd="26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D824835-C04F-490F-B411-DCD0D1FF2DE8}">
      <dsp:nvSpPr>
        <dsp:cNvPr id="0" name=""/>
        <dsp:cNvSpPr/>
      </dsp:nvSpPr>
      <dsp:spPr>
        <a:xfrm>
          <a:off x="0" y="333110"/>
          <a:ext cx="6265305" cy="403200"/>
        </a:xfrm>
        <a:prstGeom prst="rect">
          <a:avLst/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7D943F6-57D1-4897-8BD4-967AE2D9DF4D}">
      <dsp:nvSpPr>
        <dsp:cNvPr id="0" name=""/>
        <dsp:cNvSpPr/>
      </dsp:nvSpPr>
      <dsp:spPr>
        <a:xfrm>
          <a:off x="313265" y="96950"/>
          <a:ext cx="4385713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65770" tIns="0" rIns="165770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600" b="1" u="sng" kern="1200" dirty="0" smtClean="0">
              <a:latin typeface="Oswald" charset="0"/>
            </a:rPr>
            <a:t>Présentation</a:t>
          </a:r>
          <a:endParaRPr lang="fr-FR" sz="1600" b="1" u="sng" kern="1200" dirty="0">
            <a:latin typeface="Oswald" charset="0"/>
          </a:endParaRPr>
        </a:p>
      </dsp:txBody>
      <dsp:txXfrm>
        <a:off x="336322" y="120007"/>
        <a:ext cx="4339599" cy="426206"/>
      </dsp:txXfrm>
    </dsp:sp>
    <dsp:sp modelId="{0A48F6CC-2D0F-4DC5-8790-842C660B596D}">
      <dsp:nvSpPr>
        <dsp:cNvPr id="0" name=""/>
        <dsp:cNvSpPr/>
      </dsp:nvSpPr>
      <dsp:spPr>
        <a:xfrm>
          <a:off x="0" y="1058870"/>
          <a:ext cx="6265305" cy="403200"/>
        </a:xfrm>
        <a:prstGeom prst="rect">
          <a:avLst/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51C8A47-80AE-43E4-B917-23056A10588D}">
      <dsp:nvSpPr>
        <dsp:cNvPr id="0" name=""/>
        <dsp:cNvSpPr/>
      </dsp:nvSpPr>
      <dsp:spPr>
        <a:xfrm>
          <a:off x="313265" y="822710"/>
          <a:ext cx="4385713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65770" tIns="0" rIns="165770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600" b="1" u="sng" kern="1200" dirty="0" smtClean="0">
              <a:latin typeface="Oswald" charset="0"/>
            </a:rPr>
            <a:t>Echéancier</a:t>
          </a:r>
          <a:endParaRPr lang="fr-FR" sz="1600" b="1" u="sng" kern="1200" dirty="0">
            <a:latin typeface="Oswald" charset="0"/>
          </a:endParaRPr>
        </a:p>
      </dsp:txBody>
      <dsp:txXfrm>
        <a:off x="336322" y="845767"/>
        <a:ext cx="4339599" cy="426206"/>
      </dsp:txXfrm>
    </dsp:sp>
    <dsp:sp modelId="{202F020A-019F-46B7-9946-C212136280F0}">
      <dsp:nvSpPr>
        <dsp:cNvPr id="0" name=""/>
        <dsp:cNvSpPr/>
      </dsp:nvSpPr>
      <dsp:spPr>
        <a:xfrm>
          <a:off x="0" y="1784630"/>
          <a:ext cx="6265305" cy="403200"/>
        </a:xfrm>
        <a:prstGeom prst="rect">
          <a:avLst/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4668CD6-09F1-4E11-961D-8EA4B0024A3E}">
      <dsp:nvSpPr>
        <dsp:cNvPr id="0" name=""/>
        <dsp:cNvSpPr/>
      </dsp:nvSpPr>
      <dsp:spPr>
        <a:xfrm>
          <a:off x="307122" y="1535405"/>
          <a:ext cx="4385713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65770" tIns="0" rIns="165770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600" b="1" u="sng" kern="1200" dirty="0" smtClean="0">
              <a:latin typeface="Oswald" charset="0"/>
              <a:cs typeface="Aharoni" pitchFamily="2" charset="-79"/>
            </a:rPr>
            <a:t>Diagrammes</a:t>
          </a:r>
          <a:endParaRPr lang="fr-FR" sz="1600" b="1" u="sng" kern="1200" dirty="0">
            <a:latin typeface="Oswald" charset="0"/>
            <a:cs typeface="Aharoni" pitchFamily="2" charset="-79"/>
          </a:endParaRPr>
        </a:p>
      </dsp:txBody>
      <dsp:txXfrm>
        <a:off x="330179" y="1558462"/>
        <a:ext cx="4339599" cy="426206"/>
      </dsp:txXfrm>
    </dsp:sp>
    <dsp:sp modelId="{A350D3C2-E5B9-4DAF-A507-A1918FC53627}">
      <dsp:nvSpPr>
        <dsp:cNvPr id="0" name=""/>
        <dsp:cNvSpPr/>
      </dsp:nvSpPr>
      <dsp:spPr>
        <a:xfrm>
          <a:off x="0" y="2510390"/>
          <a:ext cx="6265305" cy="403200"/>
        </a:xfrm>
        <a:prstGeom prst="rect">
          <a:avLst/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B1403ED-1C43-4D87-9981-2467F169093D}">
      <dsp:nvSpPr>
        <dsp:cNvPr id="0" name=""/>
        <dsp:cNvSpPr/>
      </dsp:nvSpPr>
      <dsp:spPr>
        <a:xfrm>
          <a:off x="313265" y="2274229"/>
          <a:ext cx="4385713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65770" tIns="0" rIns="165770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600" b="1" u="sng" kern="1200" dirty="0" smtClean="0">
              <a:latin typeface="Oswald" charset="0"/>
            </a:rPr>
            <a:t>Interface homme/machine</a:t>
          </a:r>
          <a:endParaRPr lang="fr-FR" sz="1600" b="1" u="sng" kern="1200" dirty="0">
            <a:latin typeface="Oswald" charset="0"/>
          </a:endParaRPr>
        </a:p>
      </dsp:txBody>
      <dsp:txXfrm>
        <a:off x="336322" y="2297286"/>
        <a:ext cx="4339599" cy="426206"/>
      </dsp:txXfrm>
    </dsp:sp>
    <dsp:sp modelId="{8EA9A77C-4C62-480E-8125-0E044C476D95}">
      <dsp:nvSpPr>
        <dsp:cNvPr id="0" name=""/>
        <dsp:cNvSpPr/>
      </dsp:nvSpPr>
      <dsp:spPr>
        <a:xfrm>
          <a:off x="0" y="3236150"/>
          <a:ext cx="6265305" cy="403200"/>
        </a:xfrm>
        <a:prstGeom prst="rect">
          <a:avLst/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F6CE17A-809C-4158-BA78-39063C9E6935}">
      <dsp:nvSpPr>
        <dsp:cNvPr id="0" name=""/>
        <dsp:cNvSpPr/>
      </dsp:nvSpPr>
      <dsp:spPr>
        <a:xfrm>
          <a:off x="313265" y="2999990"/>
          <a:ext cx="4385713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65770" tIns="0" rIns="165770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600" b="1" u="sng" kern="1200" dirty="0" smtClean="0">
              <a:latin typeface="Oswald" charset="0"/>
            </a:rPr>
            <a:t>Comparatif</a:t>
          </a:r>
          <a:endParaRPr lang="fr-FR" sz="1600" b="1" u="sng" kern="1200" dirty="0">
            <a:latin typeface="Oswald" charset="0"/>
          </a:endParaRPr>
        </a:p>
      </dsp:txBody>
      <dsp:txXfrm>
        <a:off x="336322" y="3023047"/>
        <a:ext cx="4339599" cy="426206"/>
      </dsp:txXfrm>
    </dsp:sp>
    <dsp:sp modelId="{A18EC87E-FF47-4CB5-A23C-39B371C3B518}">
      <dsp:nvSpPr>
        <dsp:cNvPr id="0" name=""/>
        <dsp:cNvSpPr/>
      </dsp:nvSpPr>
      <dsp:spPr>
        <a:xfrm>
          <a:off x="0" y="3961910"/>
          <a:ext cx="6265305" cy="403200"/>
        </a:xfrm>
        <a:prstGeom prst="rect">
          <a:avLst/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E4A48AF-7837-4B55-90E8-9A02C244F89A}">
      <dsp:nvSpPr>
        <dsp:cNvPr id="0" name=""/>
        <dsp:cNvSpPr/>
      </dsp:nvSpPr>
      <dsp:spPr>
        <a:xfrm>
          <a:off x="313265" y="3725750"/>
          <a:ext cx="4385713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65770" tIns="0" rIns="165770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600" b="1" u="sng" kern="1200" dirty="0" smtClean="0">
              <a:latin typeface="Oswald" charset="0"/>
            </a:rPr>
            <a:t>Financement</a:t>
          </a:r>
          <a:endParaRPr lang="fr-FR" sz="1600" b="1" u="sng" kern="1200" dirty="0">
            <a:latin typeface="Oswald" charset="0"/>
          </a:endParaRPr>
        </a:p>
      </dsp:txBody>
      <dsp:txXfrm>
        <a:off x="336322" y="3748807"/>
        <a:ext cx="4339599" cy="426206"/>
      </dsp:txXfrm>
    </dsp:sp>
    <dsp:sp modelId="{5C50F085-564F-43C1-B4BB-7B17FEBC2C41}">
      <dsp:nvSpPr>
        <dsp:cNvPr id="0" name=""/>
        <dsp:cNvSpPr/>
      </dsp:nvSpPr>
      <dsp:spPr>
        <a:xfrm>
          <a:off x="0" y="4724763"/>
          <a:ext cx="6265305" cy="403200"/>
        </a:xfrm>
        <a:prstGeom prst="rect">
          <a:avLst/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81240A2-724C-48BB-AF96-609F6C53F8CA}">
      <dsp:nvSpPr>
        <dsp:cNvPr id="0" name=""/>
        <dsp:cNvSpPr/>
      </dsp:nvSpPr>
      <dsp:spPr>
        <a:xfrm>
          <a:off x="313265" y="4451510"/>
          <a:ext cx="4385713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65770" tIns="0" rIns="165770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600" b="1" u="sng" kern="1200" dirty="0" smtClean="0">
              <a:latin typeface="Oswald" charset="0"/>
            </a:rPr>
            <a:t>Conclusion</a:t>
          </a:r>
          <a:endParaRPr lang="fr-FR" sz="1600" b="1" u="sng" kern="1200" dirty="0">
            <a:latin typeface="Oswald" charset="0"/>
          </a:endParaRPr>
        </a:p>
      </dsp:txBody>
      <dsp:txXfrm>
        <a:off x="336322" y="4474567"/>
        <a:ext cx="4339599" cy="42620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 smtClean="0"/>
              <a:t>Modifier le style des sous-titres du masque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785232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 smtClean="0"/>
              <a:t>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0065025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 smtClean="0"/>
              <a:t>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1877979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smtClean="0"/>
              <a:t>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9876686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 smtClean="0"/>
              <a:t>Modifier les styles du texte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104737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 smtClean="0"/>
              <a:t>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 smtClean="0"/>
              <a:t>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6196341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r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 smtClean="0"/>
              <a:t>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r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 smtClean="0"/>
              <a:t>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4007581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45272180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6401964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 smtClean="0"/>
              <a:t>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r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524685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 dirty="0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r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6965284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smtClean="0"/>
              <a:t>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66D411A-F0C2-46C7-AFDF-D478D27277B0}" type="datetimeFigureOut">
              <a:rPr lang="fr-FR" smtClean="0"/>
              <a:t>25/01/2019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A2B669E-8093-4192-91E7-DB3AFB3FB713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589653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98.xml"/><Relationship Id="rId13" Type="http://schemas.openxmlformats.org/officeDocument/2006/relationships/tags" Target="../tags/tag103.xml"/><Relationship Id="rId3" Type="http://schemas.openxmlformats.org/officeDocument/2006/relationships/tags" Target="../tags/tag93.xml"/><Relationship Id="rId7" Type="http://schemas.openxmlformats.org/officeDocument/2006/relationships/tags" Target="../tags/tag97.xml"/><Relationship Id="rId12" Type="http://schemas.openxmlformats.org/officeDocument/2006/relationships/tags" Target="../tags/tag102.xml"/><Relationship Id="rId17" Type="http://schemas.openxmlformats.org/officeDocument/2006/relationships/image" Target="../media/image2.png"/><Relationship Id="rId2" Type="http://schemas.openxmlformats.org/officeDocument/2006/relationships/tags" Target="../tags/tag92.xml"/><Relationship Id="rId16" Type="http://schemas.openxmlformats.org/officeDocument/2006/relationships/slideLayout" Target="../slideLayouts/slideLayout2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1" Type="http://schemas.openxmlformats.org/officeDocument/2006/relationships/tags" Target="../tags/tag101.xml"/><Relationship Id="rId5" Type="http://schemas.openxmlformats.org/officeDocument/2006/relationships/tags" Target="../tags/tag95.xml"/><Relationship Id="rId15" Type="http://schemas.openxmlformats.org/officeDocument/2006/relationships/tags" Target="../tags/tag105.xml"/><Relationship Id="rId10" Type="http://schemas.openxmlformats.org/officeDocument/2006/relationships/tags" Target="../tags/tag100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4" Type="http://schemas.openxmlformats.org/officeDocument/2006/relationships/tags" Target="../tags/tag10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comments" Target="../comments/comment2.xml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tags" Target="../tags/tag113.xml"/><Relationship Id="rId13" Type="http://schemas.openxmlformats.org/officeDocument/2006/relationships/tags" Target="../tags/tag118.xml"/><Relationship Id="rId18" Type="http://schemas.openxmlformats.org/officeDocument/2006/relationships/image" Target="../media/image14.PNG"/><Relationship Id="rId3" Type="http://schemas.openxmlformats.org/officeDocument/2006/relationships/tags" Target="../tags/tag108.xml"/><Relationship Id="rId7" Type="http://schemas.openxmlformats.org/officeDocument/2006/relationships/tags" Target="../tags/tag112.xml"/><Relationship Id="rId12" Type="http://schemas.openxmlformats.org/officeDocument/2006/relationships/tags" Target="../tags/tag117.xml"/><Relationship Id="rId17" Type="http://schemas.openxmlformats.org/officeDocument/2006/relationships/image" Target="../media/image2.png"/><Relationship Id="rId2" Type="http://schemas.openxmlformats.org/officeDocument/2006/relationships/tags" Target="../tags/tag107.xml"/><Relationship Id="rId16" Type="http://schemas.openxmlformats.org/officeDocument/2006/relationships/slideLayout" Target="../slideLayouts/slideLayout2.xml"/><Relationship Id="rId1" Type="http://schemas.openxmlformats.org/officeDocument/2006/relationships/tags" Target="../tags/tag106.xml"/><Relationship Id="rId6" Type="http://schemas.openxmlformats.org/officeDocument/2006/relationships/tags" Target="../tags/tag111.xml"/><Relationship Id="rId11" Type="http://schemas.openxmlformats.org/officeDocument/2006/relationships/tags" Target="../tags/tag116.xml"/><Relationship Id="rId5" Type="http://schemas.openxmlformats.org/officeDocument/2006/relationships/tags" Target="../tags/tag110.xml"/><Relationship Id="rId15" Type="http://schemas.openxmlformats.org/officeDocument/2006/relationships/tags" Target="../tags/tag120.xml"/><Relationship Id="rId10" Type="http://schemas.openxmlformats.org/officeDocument/2006/relationships/tags" Target="../tags/tag115.xml"/><Relationship Id="rId4" Type="http://schemas.openxmlformats.org/officeDocument/2006/relationships/tags" Target="../tags/tag109.xml"/><Relationship Id="rId9" Type="http://schemas.openxmlformats.org/officeDocument/2006/relationships/tags" Target="../tags/tag114.xml"/><Relationship Id="rId14" Type="http://schemas.openxmlformats.org/officeDocument/2006/relationships/tags" Target="../tags/tag119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tags" Target="../tags/tag128.xml"/><Relationship Id="rId13" Type="http://schemas.openxmlformats.org/officeDocument/2006/relationships/tags" Target="../tags/tag133.xml"/><Relationship Id="rId18" Type="http://schemas.openxmlformats.org/officeDocument/2006/relationships/image" Target="../media/image18.jpeg"/><Relationship Id="rId3" Type="http://schemas.openxmlformats.org/officeDocument/2006/relationships/tags" Target="../tags/tag123.xml"/><Relationship Id="rId21" Type="http://schemas.openxmlformats.org/officeDocument/2006/relationships/image" Target="../media/image21.jpg"/><Relationship Id="rId7" Type="http://schemas.openxmlformats.org/officeDocument/2006/relationships/tags" Target="../tags/tag127.xml"/><Relationship Id="rId12" Type="http://schemas.openxmlformats.org/officeDocument/2006/relationships/tags" Target="../tags/tag132.xml"/><Relationship Id="rId17" Type="http://schemas.openxmlformats.org/officeDocument/2006/relationships/image" Target="../media/image2.png"/><Relationship Id="rId2" Type="http://schemas.openxmlformats.org/officeDocument/2006/relationships/tags" Target="../tags/tag122.xml"/><Relationship Id="rId16" Type="http://schemas.openxmlformats.org/officeDocument/2006/relationships/slideLayout" Target="../slideLayouts/slideLayout2.xml"/><Relationship Id="rId20" Type="http://schemas.openxmlformats.org/officeDocument/2006/relationships/image" Target="../media/image20.jpeg"/><Relationship Id="rId1" Type="http://schemas.openxmlformats.org/officeDocument/2006/relationships/tags" Target="../tags/tag121.xml"/><Relationship Id="rId6" Type="http://schemas.openxmlformats.org/officeDocument/2006/relationships/tags" Target="../tags/tag126.xml"/><Relationship Id="rId11" Type="http://schemas.openxmlformats.org/officeDocument/2006/relationships/tags" Target="../tags/tag131.xml"/><Relationship Id="rId5" Type="http://schemas.openxmlformats.org/officeDocument/2006/relationships/tags" Target="../tags/tag125.xml"/><Relationship Id="rId15" Type="http://schemas.openxmlformats.org/officeDocument/2006/relationships/tags" Target="../tags/tag135.xml"/><Relationship Id="rId10" Type="http://schemas.openxmlformats.org/officeDocument/2006/relationships/tags" Target="../tags/tag130.xml"/><Relationship Id="rId19" Type="http://schemas.openxmlformats.org/officeDocument/2006/relationships/image" Target="../media/image19.jpg"/><Relationship Id="rId4" Type="http://schemas.openxmlformats.org/officeDocument/2006/relationships/tags" Target="../tags/tag124.xml"/><Relationship Id="rId9" Type="http://schemas.openxmlformats.org/officeDocument/2006/relationships/tags" Target="../tags/tag129.xml"/><Relationship Id="rId14" Type="http://schemas.openxmlformats.org/officeDocument/2006/relationships/tags" Target="../tags/tag134.xml"/><Relationship Id="rId22" Type="http://schemas.openxmlformats.org/officeDocument/2006/relationships/comments" Target="../comments/commen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tags" Target="../tags/tag143.xml"/><Relationship Id="rId13" Type="http://schemas.openxmlformats.org/officeDocument/2006/relationships/tags" Target="../tags/tag148.xml"/><Relationship Id="rId18" Type="http://schemas.openxmlformats.org/officeDocument/2006/relationships/hyperlink" Target="http://www.stronglink-rfid.com/fr/rfid-cards/ultralight.html" TargetMode="External"/><Relationship Id="rId3" Type="http://schemas.openxmlformats.org/officeDocument/2006/relationships/tags" Target="../tags/tag138.xml"/><Relationship Id="rId21" Type="http://schemas.openxmlformats.org/officeDocument/2006/relationships/image" Target="../media/image2.png"/><Relationship Id="rId7" Type="http://schemas.openxmlformats.org/officeDocument/2006/relationships/tags" Target="../tags/tag142.xml"/><Relationship Id="rId12" Type="http://schemas.openxmlformats.org/officeDocument/2006/relationships/tags" Target="../tags/tag147.xml"/><Relationship Id="rId17" Type="http://schemas.openxmlformats.org/officeDocument/2006/relationships/hyperlink" Target="http://www.stronglink-rfid.com/fr/rfid-readers/sl600.html" TargetMode="External"/><Relationship Id="rId2" Type="http://schemas.openxmlformats.org/officeDocument/2006/relationships/tags" Target="../tags/tag137.xml"/><Relationship Id="rId16" Type="http://schemas.openxmlformats.org/officeDocument/2006/relationships/slideLayout" Target="../slideLayouts/slideLayout2.xml"/><Relationship Id="rId20" Type="http://schemas.openxmlformats.org/officeDocument/2006/relationships/image" Target="../media/image23.png"/><Relationship Id="rId1" Type="http://schemas.openxmlformats.org/officeDocument/2006/relationships/tags" Target="../tags/tag136.xml"/><Relationship Id="rId6" Type="http://schemas.openxmlformats.org/officeDocument/2006/relationships/tags" Target="../tags/tag141.xml"/><Relationship Id="rId11" Type="http://schemas.openxmlformats.org/officeDocument/2006/relationships/tags" Target="../tags/tag146.xml"/><Relationship Id="rId5" Type="http://schemas.openxmlformats.org/officeDocument/2006/relationships/tags" Target="../tags/tag140.xml"/><Relationship Id="rId15" Type="http://schemas.openxmlformats.org/officeDocument/2006/relationships/tags" Target="../tags/tag150.xml"/><Relationship Id="rId10" Type="http://schemas.openxmlformats.org/officeDocument/2006/relationships/tags" Target="../tags/tag145.xml"/><Relationship Id="rId19" Type="http://schemas.openxmlformats.org/officeDocument/2006/relationships/image" Target="../media/image22.PNG"/><Relationship Id="rId4" Type="http://schemas.openxmlformats.org/officeDocument/2006/relationships/tags" Target="../tags/tag139.xml"/><Relationship Id="rId9" Type="http://schemas.openxmlformats.org/officeDocument/2006/relationships/tags" Target="../tags/tag144.xml"/><Relationship Id="rId14" Type="http://schemas.openxmlformats.org/officeDocument/2006/relationships/tags" Target="../tags/tag149.xml"/><Relationship Id="rId22" Type="http://schemas.openxmlformats.org/officeDocument/2006/relationships/comments" Target="../comments/comment4.xml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tags" Target="../tags/tag158.xml"/><Relationship Id="rId13" Type="http://schemas.openxmlformats.org/officeDocument/2006/relationships/tags" Target="../tags/tag163.xml"/><Relationship Id="rId18" Type="http://schemas.openxmlformats.org/officeDocument/2006/relationships/image" Target="../media/image2.png"/><Relationship Id="rId3" Type="http://schemas.openxmlformats.org/officeDocument/2006/relationships/tags" Target="../tags/tag153.xml"/><Relationship Id="rId7" Type="http://schemas.openxmlformats.org/officeDocument/2006/relationships/tags" Target="../tags/tag157.xml"/><Relationship Id="rId12" Type="http://schemas.openxmlformats.org/officeDocument/2006/relationships/tags" Target="../tags/tag162.xml"/><Relationship Id="rId17" Type="http://schemas.openxmlformats.org/officeDocument/2006/relationships/slideLayout" Target="../slideLayouts/slideLayout2.xml"/><Relationship Id="rId2" Type="http://schemas.openxmlformats.org/officeDocument/2006/relationships/tags" Target="../tags/tag152.xml"/><Relationship Id="rId16" Type="http://schemas.openxmlformats.org/officeDocument/2006/relationships/tags" Target="../tags/tag166.xml"/><Relationship Id="rId1" Type="http://schemas.openxmlformats.org/officeDocument/2006/relationships/tags" Target="../tags/tag151.xml"/><Relationship Id="rId6" Type="http://schemas.openxmlformats.org/officeDocument/2006/relationships/tags" Target="../tags/tag156.xml"/><Relationship Id="rId11" Type="http://schemas.openxmlformats.org/officeDocument/2006/relationships/tags" Target="../tags/tag161.xml"/><Relationship Id="rId5" Type="http://schemas.openxmlformats.org/officeDocument/2006/relationships/tags" Target="../tags/tag155.xml"/><Relationship Id="rId15" Type="http://schemas.openxmlformats.org/officeDocument/2006/relationships/tags" Target="../tags/tag165.xml"/><Relationship Id="rId10" Type="http://schemas.openxmlformats.org/officeDocument/2006/relationships/tags" Target="../tags/tag160.xml"/><Relationship Id="rId19" Type="http://schemas.openxmlformats.org/officeDocument/2006/relationships/image" Target="../media/image24.PNG"/><Relationship Id="rId4" Type="http://schemas.openxmlformats.org/officeDocument/2006/relationships/tags" Target="../tags/tag154.xml"/><Relationship Id="rId9" Type="http://schemas.openxmlformats.org/officeDocument/2006/relationships/tags" Target="../tags/tag159.xml"/><Relationship Id="rId14" Type="http://schemas.openxmlformats.org/officeDocument/2006/relationships/tags" Target="../tags/tag164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image" Target="../media/image2.png"/><Relationship Id="rId2" Type="http://schemas.openxmlformats.org/officeDocument/2006/relationships/tags" Target="../tags/tag2.xml"/><Relationship Id="rId16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23.xml"/><Relationship Id="rId13" Type="http://schemas.openxmlformats.org/officeDocument/2006/relationships/tags" Target="../tags/tag28.xml"/><Relationship Id="rId18" Type="http://schemas.openxmlformats.org/officeDocument/2006/relationships/image" Target="../media/image3.jpg"/><Relationship Id="rId3" Type="http://schemas.openxmlformats.org/officeDocument/2006/relationships/tags" Target="../tags/tag18.xml"/><Relationship Id="rId7" Type="http://schemas.openxmlformats.org/officeDocument/2006/relationships/tags" Target="../tags/tag22.xml"/><Relationship Id="rId12" Type="http://schemas.openxmlformats.org/officeDocument/2006/relationships/tags" Target="../tags/tag27.xml"/><Relationship Id="rId17" Type="http://schemas.openxmlformats.org/officeDocument/2006/relationships/image" Target="../media/image2.png"/><Relationship Id="rId2" Type="http://schemas.openxmlformats.org/officeDocument/2006/relationships/tags" Target="../tags/tag17.xml"/><Relationship Id="rId16" Type="http://schemas.openxmlformats.org/officeDocument/2006/relationships/slideLayout" Target="../slideLayouts/slideLayout2.xml"/><Relationship Id="rId1" Type="http://schemas.openxmlformats.org/officeDocument/2006/relationships/tags" Target="../tags/tag16.xml"/><Relationship Id="rId6" Type="http://schemas.openxmlformats.org/officeDocument/2006/relationships/tags" Target="../tags/tag21.xml"/><Relationship Id="rId11" Type="http://schemas.openxmlformats.org/officeDocument/2006/relationships/tags" Target="../tags/tag26.xml"/><Relationship Id="rId5" Type="http://schemas.openxmlformats.org/officeDocument/2006/relationships/tags" Target="../tags/tag20.xml"/><Relationship Id="rId15" Type="http://schemas.openxmlformats.org/officeDocument/2006/relationships/tags" Target="../tags/tag30.xml"/><Relationship Id="rId10" Type="http://schemas.openxmlformats.org/officeDocument/2006/relationships/tags" Target="../tags/tag25.xml"/><Relationship Id="rId19" Type="http://schemas.openxmlformats.org/officeDocument/2006/relationships/image" Target="../media/image4.jpg"/><Relationship Id="rId4" Type="http://schemas.openxmlformats.org/officeDocument/2006/relationships/tags" Target="../tags/tag19.xml"/><Relationship Id="rId9" Type="http://schemas.openxmlformats.org/officeDocument/2006/relationships/tags" Target="../tags/tag24.xml"/><Relationship Id="rId14" Type="http://schemas.openxmlformats.org/officeDocument/2006/relationships/tags" Target="../tags/tag2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38.xml"/><Relationship Id="rId13" Type="http://schemas.openxmlformats.org/officeDocument/2006/relationships/tags" Target="../tags/tag43.xml"/><Relationship Id="rId18" Type="http://schemas.openxmlformats.org/officeDocument/2006/relationships/image" Target="../media/image6.PNG"/><Relationship Id="rId3" Type="http://schemas.openxmlformats.org/officeDocument/2006/relationships/tags" Target="../tags/tag33.xml"/><Relationship Id="rId7" Type="http://schemas.openxmlformats.org/officeDocument/2006/relationships/tags" Target="../tags/tag37.xml"/><Relationship Id="rId12" Type="http://schemas.openxmlformats.org/officeDocument/2006/relationships/tags" Target="../tags/tag42.xml"/><Relationship Id="rId17" Type="http://schemas.openxmlformats.org/officeDocument/2006/relationships/image" Target="../media/image5.png"/><Relationship Id="rId2" Type="http://schemas.openxmlformats.org/officeDocument/2006/relationships/tags" Target="../tags/tag32.xml"/><Relationship Id="rId16" Type="http://schemas.openxmlformats.org/officeDocument/2006/relationships/slideLayout" Target="../slideLayouts/slideLayout2.xml"/><Relationship Id="rId20" Type="http://schemas.openxmlformats.org/officeDocument/2006/relationships/image" Target="../media/image2.png"/><Relationship Id="rId1" Type="http://schemas.openxmlformats.org/officeDocument/2006/relationships/tags" Target="../tags/tag31.xml"/><Relationship Id="rId6" Type="http://schemas.openxmlformats.org/officeDocument/2006/relationships/tags" Target="../tags/tag36.xml"/><Relationship Id="rId11" Type="http://schemas.openxmlformats.org/officeDocument/2006/relationships/tags" Target="../tags/tag41.xml"/><Relationship Id="rId5" Type="http://schemas.openxmlformats.org/officeDocument/2006/relationships/tags" Target="../tags/tag35.xml"/><Relationship Id="rId15" Type="http://schemas.openxmlformats.org/officeDocument/2006/relationships/tags" Target="../tags/tag45.xml"/><Relationship Id="rId10" Type="http://schemas.openxmlformats.org/officeDocument/2006/relationships/tags" Target="../tags/tag40.xml"/><Relationship Id="rId19" Type="http://schemas.openxmlformats.org/officeDocument/2006/relationships/image" Target="../media/image7.png"/><Relationship Id="rId4" Type="http://schemas.openxmlformats.org/officeDocument/2006/relationships/tags" Target="../tags/tag34.xml"/><Relationship Id="rId9" Type="http://schemas.openxmlformats.org/officeDocument/2006/relationships/tags" Target="../tags/tag39.xml"/><Relationship Id="rId14" Type="http://schemas.openxmlformats.org/officeDocument/2006/relationships/tags" Target="../tags/tag44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tags" Target="../tags/tag53.xml"/><Relationship Id="rId13" Type="http://schemas.openxmlformats.org/officeDocument/2006/relationships/tags" Target="../tags/tag58.xml"/><Relationship Id="rId18" Type="http://schemas.openxmlformats.org/officeDocument/2006/relationships/image" Target="../media/image2.png"/><Relationship Id="rId3" Type="http://schemas.openxmlformats.org/officeDocument/2006/relationships/tags" Target="../tags/tag48.xml"/><Relationship Id="rId7" Type="http://schemas.openxmlformats.org/officeDocument/2006/relationships/tags" Target="../tags/tag52.xml"/><Relationship Id="rId12" Type="http://schemas.openxmlformats.org/officeDocument/2006/relationships/tags" Target="../tags/tag57.xml"/><Relationship Id="rId17" Type="http://schemas.openxmlformats.org/officeDocument/2006/relationships/image" Target="../media/image8.png"/><Relationship Id="rId2" Type="http://schemas.openxmlformats.org/officeDocument/2006/relationships/tags" Target="../tags/tag47.xml"/><Relationship Id="rId16" Type="http://schemas.openxmlformats.org/officeDocument/2006/relationships/slideLayout" Target="../slideLayouts/slideLayout2.xml"/><Relationship Id="rId1" Type="http://schemas.openxmlformats.org/officeDocument/2006/relationships/tags" Target="../tags/tag46.xml"/><Relationship Id="rId6" Type="http://schemas.openxmlformats.org/officeDocument/2006/relationships/tags" Target="../tags/tag51.xml"/><Relationship Id="rId11" Type="http://schemas.openxmlformats.org/officeDocument/2006/relationships/tags" Target="../tags/tag56.xml"/><Relationship Id="rId5" Type="http://schemas.openxmlformats.org/officeDocument/2006/relationships/tags" Target="../tags/tag50.xml"/><Relationship Id="rId15" Type="http://schemas.openxmlformats.org/officeDocument/2006/relationships/tags" Target="../tags/tag60.xml"/><Relationship Id="rId10" Type="http://schemas.openxmlformats.org/officeDocument/2006/relationships/tags" Target="../tags/tag55.xml"/><Relationship Id="rId4" Type="http://schemas.openxmlformats.org/officeDocument/2006/relationships/tags" Target="../tags/tag49.xml"/><Relationship Id="rId9" Type="http://schemas.openxmlformats.org/officeDocument/2006/relationships/tags" Target="../tags/tag54.xml"/><Relationship Id="rId14" Type="http://schemas.openxmlformats.org/officeDocument/2006/relationships/tags" Target="../tags/tag59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68.xml"/><Relationship Id="rId13" Type="http://schemas.openxmlformats.org/officeDocument/2006/relationships/tags" Target="../tags/tag73.xml"/><Relationship Id="rId3" Type="http://schemas.openxmlformats.org/officeDocument/2006/relationships/tags" Target="../tags/tag63.xml"/><Relationship Id="rId7" Type="http://schemas.openxmlformats.org/officeDocument/2006/relationships/tags" Target="../tags/tag67.xml"/><Relationship Id="rId12" Type="http://schemas.openxmlformats.org/officeDocument/2006/relationships/tags" Target="../tags/tag72.xml"/><Relationship Id="rId17" Type="http://schemas.openxmlformats.org/officeDocument/2006/relationships/image" Target="../media/image2.png"/><Relationship Id="rId2" Type="http://schemas.openxmlformats.org/officeDocument/2006/relationships/tags" Target="../tags/tag62.xml"/><Relationship Id="rId16" Type="http://schemas.openxmlformats.org/officeDocument/2006/relationships/slideLayout" Target="../slideLayouts/slideLayout2.xml"/><Relationship Id="rId1" Type="http://schemas.openxmlformats.org/officeDocument/2006/relationships/tags" Target="../tags/tag61.xml"/><Relationship Id="rId6" Type="http://schemas.openxmlformats.org/officeDocument/2006/relationships/tags" Target="../tags/tag66.xml"/><Relationship Id="rId11" Type="http://schemas.openxmlformats.org/officeDocument/2006/relationships/tags" Target="../tags/tag71.xml"/><Relationship Id="rId5" Type="http://schemas.openxmlformats.org/officeDocument/2006/relationships/tags" Target="../tags/tag65.xml"/><Relationship Id="rId15" Type="http://schemas.openxmlformats.org/officeDocument/2006/relationships/tags" Target="../tags/tag75.xml"/><Relationship Id="rId10" Type="http://schemas.openxmlformats.org/officeDocument/2006/relationships/tags" Target="../tags/tag70.xml"/><Relationship Id="rId4" Type="http://schemas.openxmlformats.org/officeDocument/2006/relationships/tags" Target="../tags/tag64.xml"/><Relationship Id="rId9" Type="http://schemas.openxmlformats.org/officeDocument/2006/relationships/tags" Target="../tags/tag69.xml"/><Relationship Id="rId14" Type="http://schemas.openxmlformats.org/officeDocument/2006/relationships/tags" Target="../tags/tag7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4" Type="http://schemas.openxmlformats.org/officeDocument/2006/relationships/comments" Target="../comments/comment1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83.xml"/><Relationship Id="rId13" Type="http://schemas.openxmlformats.org/officeDocument/2006/relationships/tags" Target="../tags/tag88.xml"/><Relationship Id="rId3" Type="http://schemas.openxmlformats.org/officeDocument/2006/relationships/tags" Target="../tags/tag78.xml"/><Relationship Id="rId7" Type="http://schemas.openxmlformats.org/officeDocument/2006/relationships/tags" Target="../tags/tag82.xml"/><Relationship Id="rId12" Type="http://schemas.openxmlformats.org/officeDocument/2006/relationships/tags" Target="../tags/tag87.xml"/><Relationship Id="rId17" Type="http://schemas.openxmlformats.org/officeDocument/2006/relationships/image" Target="../media/image2.png"/><Relationship Id="rId2" Type="http://schemas.openxmlformats.org/officeDocument/2006/relationships/tags" Target="../tags/tag77.xml"/><Relationship Id="rId16" Type="http://schemas.openxmlformats.org/officeDocument/2006/relationships/slideLayout" Target="../slideLayouts/slideLayout2.xml"/><Relationship Id="rId1" Type="http://schemas.openxmlformats.org/officeDocument/2006/relationships/tags" Target="../tags/tag76.xml"/><Relationship Id="rId6" Type="http://schemas.openxmlformats.org/officeDocument/2006/relationships/tags" Target="../tags/tag81.xml"/><Relationship Id="rId11" Type="http://schemas.openxmlformats.org/officeDocument/2006/relationships/tags" Target="../tags/tag86.xml"/><Relationship Id="rId5" Type="http://schemas.openxmlformats.org/officeDocument/2006/relationships/tags" Target="../tags/tag80.xml"/><Relationship Id="rId15" Type="http://schemas.openxmlformats.org/officeDocument/2006/relationships/tags" Target="../tags/tag90.xml"/><Relationship Id="rId10" Type="http://schemas.openxmlformats.org/officeDocument/2006/relationships/tags" Target="../tags/tag85.xml"/><Relationship Id="rId4" Type="http://schemas.openxmlformats.org/officeDocument/2006/relationships/tags" Target="../tags/tag79.xml"/><Relationship Id="rId9" Type="http://schemas.openxmlformats.org/officeDocument/2006/relationships/tags" Target="../tags/tag84.xml"/><Relationship Id="rId14" Type="http://schemas.openxmlformats.org/officeDocument/2006/relationships/tags" Target="../tags/tag8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alphaModFix amt="40000"/>
            <a:lum/>
          </a:blip>
          <a:srcRect/>
          <a:stretch>
            <a:fillRect t="-8000" b="-8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524000" y="2500603"/>
            <a:ext cx="9144000" cy="1009359"/>
          </a:xfrm>
        </p:spPr>
        <p:txBody>
          <a:bodyPr>
            <a:normAutofit fontScale="90000"/>
          </a:bodyPr>
          <a:lstStyle/>
          <a:p>
            <a:r>
              <a:rPr lang="fr-FR" sz="7200" dirty="0" err="1" smtClean="0">
                <a:latin typeface="Arial Black" panose="020B0A04020102020204" pitchFamily="34" charset="0"/>
              </a:rPr>
              <a:t>MedicalTrack</a:t>
            </a:r>
            <a:endParaRPr lang="fr-FR" sz="7200" dirty="0">
              <a:latin typeface="Arial Black" panose="020B0A04020102020204" pitchFamily="34" charset="0"/>
            </a:endParaRPr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524000" y="5585526"/>
            <a:ext cx="9144000" cy="1110343"/>
          </a:xfrm>
        </p:spPr>
        <p:txBody>
          <a:bodyPr>
            <a:noAutofit/>
          </a:bodyPr>
          <a:lstStyle/>
          <a:p>
            <a:r>
              <a:rPr lang="fr-FR" b="1" dirty="0" smtClean="0"/>
              <a:t>HIRSCH Claude</a:t>
            </a:r>
          </a:p>
          <a:p>
            <a:r>
              <a:rPr lang="fr-FR" b="1" dirty="0" smtClean="0"/>
              <a:t>GILSON Benjamin</a:t>
            </a:r>
          </a:p>
          <a:p>
            <a:r>
              <a:rPr lang="fr-FR" b="1" dirty="0" smtClean="0"/>
              <a:t>BIERNACZYK Flavian</a:t>
            </a:r>
            <a:endParaRPr lang="fr-FR" b="1" dirty="0"/>
          </a:p>
        </p:txBody>
      </p:sp>
      <p:pic>
        <p:nvPicPr>
          <p:cNvPr id="5" name="Image 4" descr="logo retouché.png"/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8153271" y="4351867"/>
            <a:ext cx="6746821" cy="25061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547227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ZoneTexte 3"/>
          <p:cNvSpPr txBox="1"/>
          <p:nvPr/>
        </p:nvSpPr>
        <p:spPr>
          <a:xfrm>
            <a:off x="6875929" y="0"/>
            <a:ext cx="2519083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Wingdings" panose="05000000000000000000" pitchFamily="2" charset="2"/>
              <a:buChar char="q"/>
            </a:pPr>
            <a:r>
              <a:rPr lang="fr-FR" sz="2800" dirty="0" smtClean="0">
                <a:solidFill>
                  <a:srgbClr val="FFEF21"/>
                </a:solidFill>
              </a:rPr>
              <a:t>ETUDIANT 1;</a:t>
            </a:r>
          </a:p>
          <a:p>
            <a:pPr marL="457200" indent="-457200">
              <a:buFont typeface="Wingdings" panose="05000000000000000000" pitchFamily="2" charset="2"/>
              <a:buChar char="q"/>
            </a:pPr>
            <a:endParaRPr lang="fr-FR" sz="2800" dirty="0"/>
          </a:p>
          <a:p>
            <a:pPr marL="457200" indent="-457200">
              <a:buFont typeface="Wingdings" panose="05000000000000000000" pitchFamily="2" charset="2"/>
              <a:buChar char="q"/>
            </a:pPr>
            <a:r>
              <a:rPr lang="fr-FR" sz="2800" dirty="0">
                <a:solidFill>
                  <a:schemeClr val="accent5">
                    <a:lumMod val="50000"/>
                  </a:schemeClr>
                </a:solidFill>
              </a:rPr>
              <a:t>ETUDIANT 3;</a:t>
            </a:r>
          </a:p>
        </p:txBody>
      </p:sp>
      <p:sp>
        <p:nvSpPr>
          <p:cNvPr id="5" name="ZoneTexte 4"/>
          <p:cNvSpPr txBox="1"/>
          <p:nvPr/>
        </p:nvSpPr>
        <p:spPr>
          <a:xfrm>
            <a:off x="9395012" y="-2"/>
            <a:ext cx="268044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Wingdings" panose="05000000000000000000" pitchFamily="2" charset="2"/>
              <a:buChar char="q"/>
            </a:pPr>
            <a:r>
              <a:rPr lang="fr-FR" sz="2800" dirty="0">
                <a:solidFill>
                  <a:schemeClr val="accent6"/>
                </a:solidFill>
              </a:rPr>
              <a:t>ETUDIANT 2;</a:t>
            </a:r>
          </a:p>
          <a:p>
            <a:r>
              <a:rPr lang="fr-FR" sz="2800" dirty="0" smtClean="0">
                <a:solidFill>
                  <a:schemeClr val="accent5">
                    <a:lumMod val="50000"/>
                  </a:schemeClr>
                </a:solidFill>
              </a:rPr>
              <a:t> </a:t>
            </a:r>
          </a:p>
          <a:p>
            <a:pPr marL="457200" indent="-457200">
              <a:buFont typeface="Wingdings" panose="05000000000000000000" pitchFamily="2" charset="2"/>
              <a:buChar char="q"/>
            </a:pPr>
            <a:r>
              <a:rPr lang="fr-FR" sz="2800" dirty="0" smtClean="0">
                <a:solidFill>
                  <a:srgbClr val="00B0F0"/>
                </a:solidFill>
              </a:rPr>
              <a:t>ETUDIANT 4;</a:t>
            </a:r>
            <a:endParaRPr lang="fr-FR" sz="2800" dirty="0">
              <a:solidFill>
                <a:srgbClr val="00B0F0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q"/>
            </a:pPr>
            <a:endParaRPr lang="fr-FR" sz="2800" dirty="0" smtClean="0">
              <a:solidFill>
                <a:srgbClr val="00B0F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906195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ZoneTexte 22"/>
          <p:cNvSpPr txBox="1"/>
          <p:nvPr/>
        </p:nvSpPr>
        <p:spPr>
          <a:xfrm>
            <a:off x="3200399" y="2321858"/>
            <a:ext cx="630340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3600" b="1" u="sng" dirty="0" smtClean="0"/>
              <a:t>Diagramme d’Activité</a:t>
            </a:r>
            <a:endParaRPr lang="fr-FR" sz="3600" b="1" u="sng" dirty="0"/>
          </a:p>
        </p:txBody>
      </p:sp>
      <p:sp>
        <p:nvSpPr>
          <p:cNvPr id="21" name="OTLSHAPE_TB_00000000000000000000000000000000_ScaleContainer">
            <a:extLst>
              <a:ext uri="{FF2B5EF4-FFF2-40B4-BE49-F238E27FC236}">
                <a16:creationId xmlns:a16="http://schemas.microsoft.com/office/drawing/2014/main" id="{DEA51A14-EF6A-4FEF-B0C4-6305B62CCF1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1967" y="219970"/>
            <a:ext cx="11692590" cy="711503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Triangle isocèle 23">
            <a:extLst>
              <a:ext uri="{FF2B5EF4-FFF2-40B4-BE49-F238E27FC236}">
                <a16:creationId xmlns:a16="http://schemas.microsoft.com/office/drawing/2014/main" id="{3823B7A2-84AA-4AEC-9232-A06C42523044}"/>
              </a:ext>
            </a:extLst>
          </p:cNvPr>
          <p:cNvSpPr/>
          <p:nvPr/>
        </p:nvSpPr>
        <p:spPr>
          <a:xfrm rot="5400000">
            <a:off x="11274470" y="253971"/>
            <a:ext cx="1060174" cy="62934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5" name="OTLSHAPE_TB_00000000000000000000000000000000_Separator1">
            <a:extLst>
              <a:ext uri="{FF2B5EF4-FFF2-40B4-BE49-F238E27FC236}">
                <a16:creationId xmlns:a16="http://schemas.microsoft.com/office/drawing/2014/main" id="{7F4EEE01-C7A2-43E9-BA4E-7AD157827618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1475701" y="219971"/>
            <a:ext cx="4" cy="711501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1">
            <a:extLst>
              <a:ext uri="{FF2B5EF4-FFF2-40B4-BE49-F238E27FC236}">
                <a16:creationId xmlns:a16="http://schemas.microsoft.com/office/drawing/2014/main" id="{75AA0284-6AB4-4995-A78D-F3CAFA8CE1CB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2834149" y="215859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TimescaleInterval1">
            <a:extLst>
              <a:ext uri="{FF2B5EF4-FFF2-40B4-BE49-F238E27FC236}">
                <a16:creationId xmlns:a16="http://schemas.microsoft.com/office/drawing/2014/main" id="{37894D57-B791-4C4D-B30B-A67FF7737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68399" y="219377"/>
            <a:ext cx="1359331" cy="711501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Présentation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B_00000000000000000000000000000000_TimescaleInterval1">
            <a:extLst>
              <a:ext uri="{FF2B5EF4-FFF2-40B4-BE49-F238E27FC236}">
                <a16:creationId xmlns:a16="http://schemas.microsoft.com/office/drawing/2014/main" id="{BD03E107-599B-4041-B718-49C03238F1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54162" y="215858"/>
            <a:ext cx="1349265" cy="718627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dirty="0" smtClean="0">
                <a:solidFill>
                  <a:schemeClr val="bg1"/>
                </a:solidFill>
              </a:rPr>
              <a:t>Echéancier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B_00000000000000000000000000000000_TimescaleInterval1">
            <a:extLst>
              <a:ext uri="{FF2B5EF4-FFF2-40B4-BE49-F238E27FC236}">
                <a16:creationId xmlns:a16="http://schemas.microsoft.com/office/drawing/2014/main" id="{103A3BCC-7D62-4D9A-AB2E-36EE31CEE7D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4308" y="215266"/>
            <a:ext cx="1291831" cy="715611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Diagrammes</a:t>
            </a:r>
            <a:endParaRPr lang="fr-FR" sz="2000" b="1" spc="-1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B_00000000000000000000000000000000_TimescaleInterval1">
            <a:extLst>
              <a:ext uri="{FF2B5EF4-FFF2-40B4-BE49-F238E27FC236}">
                <a16:creationId xmlns:a16="http://schemas.microsoft.com/office/drawing/2014/main" id="{C0B124C2-A7F3-4D4D-B079-978502D0491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549810" y="234228"/>
            <a:ext cx="1299310" cy="62638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Interface 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Homme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/machine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B_00000000000000000000000000000000_TimescaleInterval1">
            <a:extLst>
              <a:ext uri="{FF2B5EF4-FFF2-40B4-BE49-F238E27FC236}">
                <a16:creationId xmlns:a16="http://schemas.microsoft.com/office/drawing/2014/main" id="{1ADBF6AB-3E91-4905-A662-4F4D0AD9CAB9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157633" y="234228"/>
            <a:ext cx="1363728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>
                <a:solidFill>
                  <a:schemeClr val="bg1"/>
                </a:solidFill>
                <a:latin typeface="Calibri" panose="020F0502020204030204" pitchFamily="34" charset="0"/>
              </a:rPr>
              <a:t>Financement</a:t>
            </a:r>
            <a:endParaRPr lang="en-US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558331" y="219377"/>
            <a:ext cx="1931555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nclusion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34" name="OTLSHAPE_TB_00000000000000000000000000000000_Separator1">
            <a:extLst>
              <a:ext uri="{FF2B5EF4-FFF2-40B4-BE49-F238E27FC236}">
                <a16:creationId xmlns:a16="http://schemas.microsoft.com/office/drawing/2014/main" id="{77A8979F-326B-4DEC-B7E4-11362364358C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4207811" y="21683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1">
            <a:extLst>
              <a:ext uri="{FF2B5EF4-FFF2-40B4-BE49-F238E27FC236}">
                <a16:creationId xmlns:a16="http://schemas.microsoft.com/office/drawing/2014/main" id="{94E81477-8E94-4F32-ACEA-0AF7F691236B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 flipH="1">
            <a:off x="5525799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1">
            <a:extLst>
              <a:ext uri="{FF2B5EF4-FFF2-40B4-BE49-F238E27FC236}">
                <a16:creationId xmlns:a16="http://schemas.microsoft.com/office/drawing/2014/main" id="{D0450FB1-1161-405F-B4AD-EDA0A1512DCE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H="1">
            <a:off x="815763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1">
            <a:extLst>
              <a:ext uri="{FF2B5EF4-FFF2-40B4-BE49-F238E27FC236}">
                <a16:creationId xmlns:a16="http://schemas.microsoft.com/office/drawing/2014/main" id="{F0D40541-9FCF-4740-915D-ED488454EFCD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954779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1">
            <a:extLst>
              <a:ext uri="{FF2B5EF4-FFF2-40B4-BE49-F238E27FC236}">
                <a16:creationId xmlns:a16="http://schemas.microsoft.com/office/drawing/2014/main" id="{6F59878B-0E43-4483-BB5F-C555F647438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>
            <a:off x="6871339" y="217320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ZoneTexte 1"/>
          <p:cNvSpPr txBox="1"/>
          <p:nvPr/>
        </p:nvSpPr>
        <p:spPr>
          <a:xfrm>
            <a:off x="3200399" y="3205009"/>
            <a:ext cx="479758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u="sng" dirty="0" smtClean="0"/>
              <a:t>Premier : </a:t>
            </a:r>
          </a:p>
          <a:p>
            <a:r>
              <a:rPr lang="fr-FR" sz="2800" b="1" dirty="0" smtClean="0"/>
              <a:t>Programme Administratif</a:t>
            </a:r>
            <a:endParaRPr lang="fr-FR" sz="2800" b="1" dirty="0"/>
          </a:p>
        </p:txBody>
      </p:sp>
      <p:sp>
        <p:nvSpPr>
          <p:cNvPr id="22" name="ZoneTexte 21"/>
          <p:cNvSpPr txBox="1"/>
          <p:nvPr/>
        </p:nvSpPr>
        <p:spPr>
          <a:xfrm>
            <a:off x="3200399" y="4063800"/>
            <a:ext cx="571915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u="sng" dirty="0" smtClean="0"/>
              <a:t>Deuxième : </a:t>
            </a:r>
          </a:p>
          <a:p>
            <a:r>
              <a:rPr lang="fr-FR" sz="2800" b="1" dirty="0" smtClean="0"/>
              <a:t>Programme Chef Infirmier(ère)</a:t>
            </a:r>
            <a:endParaRPr lang="fr-FR" sz="2800" b="1" dirty="0"/>
          </a:p>
        </p:txBody>
      </p:sp>
      <p:sp>
        <p:nvSpPr>
          <p:cNvPr id="40" name="ZoneTexte 39"/>
          <p:cNvSpPr txBox="1"/>
          <p:nvPr/>
        </p:nvSpPr>
        <p:spPr>
          <a:xfrm>
            <a:off x="3200399" y="4922590"/>
            <a:ext cx="4404563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u="sng" dirty="0" smtClean="0"/>
              <a:t>Troisième : </a:t>
            </a:r>
          </a:p>
          <a:p>
            <a:r>
              <a:rPr lang="fr-FR" sz="2800" b="1" dirty="0" smtClean="0"/>
              <a:t>Programme Planning</a:t>
            </a:r>
            <a:endParaRPr lang="fr-FR" sz="2800" b="1" dirty="0"/>
          </a:p>
        </p:txBody>
      </p:sp>
      <p:sp>
        <p:nvSpPr>
          <p:cNvPr id="41" name="OTLSHAPE_TB_00000000000000000000000000000000_TimescaleInterval1">
            <a:extLst>
              <a:ext uri="{FF2B5EF4-FFF2-40B4-BE49-F238E27FC236}">
                <a16:creationId xmlns:a16="http://schemas.microsoft.com/office/drawing/2014/main" id="{A0A2E750-5904-4570-B024-C6FEDDC42C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882791" y="227099"/>
            <a:ext cx="1269580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aratif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pic>
        <p:nvPicPr>
          <p:cNvPr id="42" name="Image 41" descr="logo retouché.png"/>
          <p:cNvPicPr>
            <a:picLocks noChangeAspect="1"/>
          </p:cNvPicPr>
          <p:nvPr/>
        </p:nvPicPr>
        <p:blipFill rotWithShape="1">
          <a:blip r:embed="rId17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-1073636" y="-428939"/>
            <a:ext cx="3813280" cy="14164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705973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" name="ZoneTexte 2"/>
          <p:cNvSpPr txBox="1"/>
          <p:nvPr/>
        </p:nvSpPr>
        <p:spPr>
          <a:xfrm>
            <a:off x="-1" y="0"/>
            <a:ext cx="3973485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700" b="1" u="sng" dirty="0"/>
              <a:t>Programme </a:t>
            </a:r>
            <a:r>
              <a:rPr lang="fr-FR" sz="2700" b="1" u="sng" dirty="0" smtClean="0"/>
              <a:t>Administratif</a:t>
            </a:r>
            <a:endParaRPr lang="fr-FR" sz="2700" b="1" u="sng" dirty="0"/>
          </a:p>
        </p:txBody>
      </p:sp>
    </p:spTree>
    <p:extLst>
      <p:ext uri="{BB962C8B-B14F-4D97-AF65-F5344CB8AC3E}">
        <p14:creationId xmlns:p14="http://schemas.microsoft.com/office/powerpoint/2010/main" val="36526709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3" name="ZoneTexte 2"/>
          <p:cNvSpPr txBox="1"/>
          <p:nvPr/>
        </p:nvSpPr>
        <p:spPr>
          <a:xfrm>
            <a:off x="0" y="0"/>
            <a:ext cx="502920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700" b="1" u="sng" dirty="0"/>
              <a:t>Programme Chef Infirmier(ère)</a:t>
            </a:r>
          </a:p>
          <a:p>
            <a:endParaRPr lang="fr-FR" sz="2700" u="sng" dirty="0"/>
          </a:p>
        </p:txBody>
      </p:sp>
    </p:spTree>
    <p:extLst>
      <p:ext uri="{BB962C8B-B14F-4D97-AF65-F5344CB8AC3E}">
        <p14:creationId xmlns:p14="http://schemas.microsoft.com/office/powerpoint/2010/main" val="40901453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788"/>
          <a:stretch/>
        </p:blipFill>
        <p:spPr>
          <a:xfrm>
            <a:off x="1496291" y="0"/>
            <a:ext cx="9601200" cy="6854008"/>
          </a:xfrm>
          <a:prstGeom prst="rect">
            <a:avLst/>
          </a:prstGeom>
        </p:spPr>
      </p:pic>
      <p:sp>
        <p:nvSpPr>
          <p:cNvPr id="3" name="ZoneTexte 2"/>
          <p:cNvSpPr txBox="1"/>
          <p:nvPr/>
        </p:nvSpPr>
        <p:spPr>
          <a:xfrm>
            <a:off x="0" y="0"/>
            <a:ext cx="344978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700" b="1" u="sng" dirty="0"/>
              <a:t>Programme Planning</a:t>
            </a:r>
          </a:p>
          <a:p>
            <a:endParaRPr lang="fr-FR" sz="2700" u="sng" dirty="0"/>
          </a:p>
        </p:txBody>
      </p:sp>
    </p:spTree>
    <p:extLst>
      <p:ext uri="{BB962C8B-B14F-4D97-AF65-F5344CB8AC3E}">
        <p14:creationId xmlns:p14="http://schemas.microsoft.com/office/powerpoint/2010/main" val="32886041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EA51A14-EF6A-4FEF-B0C4-6305B62CCF1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1967" y="219970"/>
            <a:ext cx="11692590" cy="711503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riangle isocèle 5">
            <a:extLst>
              <a:ext uri="{FF2B5EF4-FFF2-40B4-BE49-F238E27FC236}">
                <a16:creationId xmlns:a16="http://schemas.microsoft.com/office/drawing/2014/main" id="{3823B7A2-84AA-4AEC-9232-A06C42523044}"/>
              </a:ext>
            </a:extLst>
          </p:cNvPr>
          <p:cNvSpPr/>
          <p:nvPr/>
        </p:nvSpPr>
        <p:spPr>
          <a:xfrm rot="5400000">
            <a:off x="11274470" y="253971"/>
            <a:ext cx="1060174" cy="62934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7" name="OTLSHAPE_TB_00000000000000000000000000000000_Separator1">
            <a:extLst>
              <a:ext uri="{FF2B5EF4-FFF2-40B4-BE49-F238E27FC236}">
                <a16:creationId xmlns:a16="http://schemas.microsoft.com/office/drawing/2014/main" id="{7F4EEE01-C7A2-43E9-BA4E-7AD157827618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1475701" y="219971"/>
            <a:ext cx="4" cy="711501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75AA0284-6AB4-4995-A78D-F3CAFA8CE1CB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2834149" y="215859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37894D57-B791-4C4D-B30B-A67FF7737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68399" y="219377"/>
            <a:ext cx="1359331" cy="711501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Présentation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1">
            <a:extLst>
              <a:ext uri="{FF2B5EF4-FFF2-40B4-BE49-F238E27FC236}">
                <a16:creationId xmlns:a16="http://schemas.microsoft.com/office/drawing/2014/main" id="{BD03E107-599B-4041-B718-49C03238F1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54162" y="215858"/>
            <a:ext cx="1349265" cy="718627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dirty="0" smtClean="0">
                <a:solidFill>
                  <a:schemeClr val="bg1"/>
                </a:solidFill>
              </a:rPr>
              <a:t>Echéancier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103A3BCC-7D62-4D9A-AB2E-36EE31CEE7D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4308" y="215266"/>
            <a:ext cx="1291831" cy="715611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Diagrammes</a:t>
            </a:r>
            <a:endParaRPr lang="fr-FR" sz="20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C0B124C2-A7F3-4D4D-B079-978502D0491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549810" y="234228"/>
            <a:ext cx="1299310" cy="62638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Interface </a:t>
            </a:r>
          </a:p>
          <a:p>
            <a:pPr algn="ctr"/>
            <a:r>
              <a:rPr lang="fr-FR" sz="1700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Homme</a:t>
            </a:r>
          </a:p>
          <a:p>
            <a:pPr algn="ctr"/>
            <a:r>
              <a:rPr lang="fr-FR" sz="1700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/machine</a:t>
            </a:r>
            <a:endParaRPr lang="fr-FR" sz="1700" b="1" spc="-1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1">
            <a:extLst>
              <a:ext uri="{FF2B5EF4-FFF2-40B4-BE49-F238E27FC236}">
                <a16:creationId xmlns:a16="http://schemas.microsoft.com/office/drawing/2014/main" id="{1ADBF6AB-3E91-4905-A662-4F4D0AD9CAB9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157633" y="234228"/>
            <a:ext cx="1363728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Financement</a:t>
            </a:r>
            <a:endParaRPr lang="en-US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558331" y="219377"/>
            <a:ext cx="1931555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nclusion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1">
            <a:extLst>
              <a:ext uri="{FF2B5EF4-FFF2-40B4-BE49-F238E27FC236}">
                <a16:creationId xmlns:a16="http://schemas.microsoft.com/office/drawing/2014/main" id="{77A8979F-326B-4DEC-B7E4-11362364358C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4207811" y="21683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1">
            <a:extLst>
              <a:ext uri="{FF2B5EF4-FFF2-40B4-BE49-F238E27FC236}">
                <a16:creationId xmlns:a16="http://schemas.microsoft.com/office/drawing/2014/main" id="{94E81477-8E94-4F32-ACEA-0AF7F691236B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 flipH="1">
            <a:off x="5525799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1">
            <a:extLst>
              <a:ext uri="{FF2B5EF4-FFF2-40B4-BE49-F238E27FC236}">
                <a16:creationId xmlns:a16="http://schemas.microsoft.com/office/drawing/2014/main" id="{D0450FB1-1161-405F-B4AD-EDA0A1512DCE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H="1">
            <a:off x="815763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1">
            <a:extLst>
              <a:ext uri="{FF2B5EF4-FFF2-40B4-BE49-F238E27FC236}">
                <a16:creationId xmlns:a16="http://schemas.microsoft.com/office/drawing/2014/main" id="{F0D40541-9FCF-4740-915D-ED488454EFCD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954779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1">
            <a:extLst>
              <a:ext uri="{FF2B5EF4-FFF2-40B4-BE49-F238E27FC236}">
                <a16:creationId xmlns:a16="http://schemas.microsoft.com/office/drawing/2014/main" id="{6F59878B-0E43-4483-BB5F-C555F647438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>
            <a:off x="6871339" y="217320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1">
            <a:extLst>
              <a:ext uri="{FF2B5EF4-FFF2-40B4-BE49-F238E27FC236}">
                <a16:creationId xmlns:a16="http://schemas.microsoft.com/office/drawing/2014/main" id="{A0A2E750-5904-4570-B024-C6FEDDC42C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882791" y="227099"/>
            <a:ext cx="1269580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aratif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" name="ZoneTexte 2"/>
          <p:cNvSpPr txBox="1"/>
          <p:nvPr/>
        </p:nvSpPr>
        <p:spPr>
          <a:xfrm>
            <a:off x="83515" y="952260"/>
            <a:ext cx="344146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u="sng" dirty="0" smtClean="0"/>
              <a:t>Interface de connexion</a:t>
            </a:r>
            <a:endParaRPr lang="fr-FR" sz="2400" b="1" u="sng" dirty="0"/>
          </a:p>
        </p:txBody>
      </p:sp>
      <p:pic>
        <p:nvPicPr>
          <p:cNvPr id="23" name="Image 22" descr="logo retouché.png"/>
          <p:cNvPicPr>
            <a:picLocks noChangeAspect="1"/>
          </p:cNvPicPr>
          <p:nvPr/>
        </p:nvPicPr>
        <p:blipFill rotWithShape="1">
          <a:blip r:embed="rId17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-1073636" y="-428939"/>
            <a:ext cx="3813280" cy="1416458"/>
          </a:xfrm>
          <a:prstGeom prst="rect">
            <a:avLst/>
          </a:prstGeom>
        </p:spPr>
      </p:pic>
      <p:pic>
        <p:nvPicPr>
          <p:cNvPr id="5" name="Image 4"/>
          <p:cNvPicPr>
            <a:picLocks noChangeAspect="1"/>
          </p:cNvPicPr>
          <p:nvPr/>
        </p:nvPicPr>
        <p:blipFill rotWithShape="1"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114" b="40250"/>
          <a:stretch/>
        </p:blipFill>
        <p:spPr>
          <a:xfrm>
            <a:off x="-1" y="1413923"/>
            <a:ext cx="12192001" cy="4614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24055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oneTexte 1"/>
          <p:cNvSpPr txBox="1"/>
          <p:nvPr/>
        </p:nvSpPr>
        <p:spPr>
          <a:xfrm>
            <a:off x="0" y="0"/>
            <a:ext cx="392360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u="sng" dirty="0" smtClean="0"/>
              <a:t>Connexion en Administration</a:t>
            </a:r>
            <a:endParaRPr lang="fr-FR" sz="2400" b="1" u="sng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84" r="2712"/>
          <a:stretch/>
        </p:blipFill>
        <p:spPr>
          <a:xfrm>
            <a:off x="0" y="778934"/>
            <a:ext cx="12165950" cy="6079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241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oneTexte 1"/>
          <p:cNvSpPr txBox="1"/>
          <p:nvPr/>
        </p:nvSpPr>
        <p:spPr>
          <a:xfrm>
            <a:off x="0" y="0"/>
            <a:ext cx="453874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u="sng" dirty="0" smtClean="0"/>
              <a:t>Connexion en Chef Infirmier(ère)</a:t>
            </a:r>
            <a:endParaRPr lang="fr-FR" sz="2400" b="1" u="sng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39" t="731" r="2403" b="4210"/>
          <a:stretch/>
        </p:blipFill>
        <p:spPr>
          <a:xfrm>
            <a:off x="-1" y="609600"/>
            <a:ext cx="12192001" cy="62393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44019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oneTexte 1"/>
          <p:cNvSpPr txBox="1"/>
          <p:nvPr/>
        </p:nvSpPr>
        <p:spPr>
          <a:xfrm>
            <a:off x="0" y="0"/>
            <a:ext cx="1046572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u="sng" dirty="0" smtClean="0"/>
              <a:t>Ajouter un patient en étant connecté en Administration et en Chef Infirmier(ère)</a:t>
            </a:r>
            <a:endParaRPr lang="fr-FR" sz="2400" b="1" u="sng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3" t="442" r="703" b="1391"/>
          <a:stretch/>
        </p:blipFill>
        <p:spPr>
          <a:xfrm>
            <a:off x="553" y="461665"/>
            <a:ext cx="12191447" cy="63963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28036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DEA51A14-EF6A-4FEF-B0C4-6305B62CCF1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1967" y="219970"/>
            <a:ext cx="11692590" cy="711503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riangle isocèle 2">
            <a:extLst>
              <a:ext uri="{FF2B5EF4-FFF2-40B4-BE49-F238E27FC236}">
                <a16:creationId xmlns:a16="http://schemas.microsoft.com/office/drawing/2014/main" id="{3823B7A2-84AA-4AEC-9232-A06C42523044}"/>
              </a:ext>
            </a:extLst>
          </p:cNvPr>
          <p:cNvSpPr/>
          <p:nvPr/>
        </p:nvSpPr>
        <p:spPr>
          <a:xfrm rot="5400000">
            <a:off x="11274470" y="253971"/>
            <a:ext cx="1060174" cy="62934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4" name="OTLSHAPE_TB_00000000000000000000000000000000_Separator1">
            <a:extLst>
              <a:ext uri="{FF2B5EF4-FFF2-40B4-BE49-F238E27FC236}">
                <a16:creationId xmlns:a16="http://schemas.microsoft.com/office/drawing/2014/main" id="{7F4EEE01-C7A2-43E9-BA4E-7AD157827618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1475701" y="219971"/>
            <a:ext cx="4" cy="711501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1">
            <a:extLst>
              <a:ext uri="{FF2B5EF4-FFF2-40B4-BE49-F238E27FC236}">
                <a16:creationId xmlns:a16="http://schemas.microsoft.com/office/drawing/2014/main" id="{75AA0284-6AB4-4995-A78D-F3CAFA8CE1CB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2834149" y="215859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TimescaleInterval1">
            <a:extLst>
              <a:ext uri="{FF2B5EF4-FFF2-40B4-BE49-F238E27FC236}">
                <a16:creationId xmlns:a16="http://schemas.microsoft.com/office/drawing/2014/main" id="{37894D57-B791-4C4D-B30B-A67FF7737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68399" y="219377"/>
            <a:ext cx="1365332" cy="711501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Présentation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BD03E107-599B-4041-B718-49C03238F1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48216" y="215858"/>
            <a:ext cx="1355212" cy="718627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dirty="0" smtClean="0">
                <a:solidFill>
                  <a:schemeClr val="bg1"/>
                </a:solidFill>
              </a:rPr>
              <a:t>Echéancier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03A3BCC-7D62-4D9A-AB2E-36EE31CEE7D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4308" y="215266"/>
            <a:ext cx="1315018" cy="715611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Diagrammes</a:t>
            </a:r>
            <a:endParaRPr lang="fr-FR" sz="20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C0B124C2-A7F3-4D4D-B079-978502D0491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544589" y="215265"/>
            <a:ext cx="1332939" cy="722739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Interface 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Homme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/machine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1ADBF6AB-3E91-4905-A662-4F4D0AD9CAB9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157633" y="218996"/>
            <a:ext cx="1395436" cy="711881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Financement</a:t>
            </a:r>
            <a:endParaRPr lang="en-US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558331" y="219377"/>
            <a:ext cx="1931555" cy="718627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nclusion</a:t>
            </a:r>
            <a:endParaRPr lang="fr-FR" sz="20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1">
            <a:extLst>
              <a:ext uri="{FF2B5EF4-FFF2-40B4-BE49-F238E27FC236}">
                <a16:creationId xmlns:a16="http://schemas.microsoft.com/office/drawing/2014/main" id="{77A8979F-326B-4DEC-B7E4-11362364358C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4207811" y="21683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1">
            <a:extLst>
              <a:ext uri="{FF2B5EF4-FFF2-40B4-BE49-F238E27FC236}">
                <a16:creationId xmlns:a16="http://schemas.microsoft.com/office/drawing/2014/main" id="{94E81477-8E94-4F32-ACEA-0AF7F691236B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 flipH="1">
            <a:off x="5525799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1">
            <a:extLst>
              <a:ext uri="{FF2B5EF4-FFF2-40B4-BE49-F238E27FC236}">
                <a16:creationId xmlns:a16="http://schemas.microsoft.com/office/drawing/2014/main" id="{D0450FB1-1161-405F-B4AD-EDA0A1512DCE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H="1">
            <a:off x="815763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1">
            <a:extLst>
              <a:ext uri="{FF2B5EF4-FFF2-40B4-BE49-F238E27FC236}">
                <a16:creationId xmlns:a16="http://schemas.microsoft.com/office/drawing/2014/main" id="{F0D40541-9FCF-4740-915D-ED488454EFCD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954779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1">
            <a:extLst>
              <a:ext uri="{FF2B5EF4-FFF2-40B4-BE49-F238E27FC236}">
                <a16:creationId xmlns:a16="http://schemas.microsoft.com/office/drawing/2014/main" id="{6F59878B-0E43-4483-BB5F-C555F647438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>
            <a:off x="6871339" y="217320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1">
            <a:extLst>
              <a:ext uri="{FF2B5EF4-FFF2-40B4-BE49-F238E27FC236}">
                <a16:creationId xmlns:a16="http://schemas.microsoft.com/office/drawing/2014/main" id="{A0A2E750-5904-4570-B024-C6FEDDC42C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882791" y="227100"/>
            <a:ext cx="1269580" cy="703778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Comparatif</a:t>
            </a:r>
            <a:endParaRPr lang="fr-FR" sz="2000" b="1" spc="-1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pic>
        <p:nvPicPr>
          <p:cNvPr id="19" name="Image 18" descr="logo retouché.png"/>
          <p:cNvPicPr>
            <a:picLocks noChangeAspect="1"/>
          </p:cNvPicPr>
          <p:nvPr/>
        </p:nvPicPr>
        <p:blipFill rotWithShape="1">
          <a:blip r:embed="rId17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-1073636" y="-428939"/>
            <a:ext cx="3813280" cy="1416458"/>
          </a:xfrm>
          <a:prstGeom prst="rect">
            <a:avLst/>
          </a:prstGeom>
        </p:spPr>
      </p:pic>
      <p:sp>
        <p:nvSpPr>
          <p:cNvPr id="21" name="Sous-titre 2"/>
          <p:cNvSpPr txBox="1">
            <a:spLocks/>
          </p:cNvSpPr>
          <p:nvPr/>
        </p:nvSpPr>
        <p:spPr>
          <a:xfrm>
            <a:off x="111967" y="1751434"/>
            <a:ext cx="2909723" cy="53548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Wingdings" panose="05000000000000000000" pitchFamily="2" charset="2"/>
              <a:buChar char="q"/>
            </a:pPr>
            <a:r>
              <a:rPr lang="fr-FR" sz="2400" dirty="0" smtClean="0"/>
              <a:t>Lecteur code barre</a:t>
            </a:r>
            <a:endParaRPr lang="fr-FR" sz="2400" dirty="0"/>
          </a:p>
        </p:txBody>
      </p:sp>
      <p:pic>
        <p:nvPicPr>
          <p:cNvPr id="22" name="Image 21"/>
          <p:cNvPicPr>
            <a:picLocks noChangeAspect="1"/>
          </p:cNvPicPr>
          <p:nvPr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3731" y="1277532"/>
            <a:ext cx="2018779" cy="2018779"/>
          </a:xfrm>
          <a:prstGeom prst="rect">
            <a:avLst/>
          </a:prstGeom>
        </p:spPr>
      </p:pic>
      <p:pic>
        <p:nvPicPr>
          <p:cNvPr id="23" name="Image 22"/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55351" y="1258415"/>
            <a:ext cx="2410832" cy="1805445"/>
          </a:xfrm>
          <a:prstGeom prst="rect">
            <a:avLst/>
          </a:prstGeom>
        </p:spPr>
      </p:pic>
      <p:sp>
        <p:nvSpPr>
          <p:cNvPr id="24" name="Sous-titre 2"/>
          <p:cNvSpPr txBox="1">
            <a:spLocks/>
          </p:cNvSpPr>
          <p:nvPr/>
        </p:nvSpPr>
        <p:spPr>
          <a:xfrm>
            <a:off x="4970693" y="1751434"/>
            <a:ext cx="3329276" cy="535488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Wingdings" panose="05000000000000000000" pitchFamily="2" charset="2"/>
              <a:buChar char="q"/>
            </a:pPr>
            <a:r>
              <a:rPr lang="fr-FR" dirty="0"/>
              <a:t>C</a:t>
            </a:r>
            <a:r>
              <a:rPr lang="fr-FR" dirty="0" smtClean="0"/>
              <a:t>arte RFID badgeuse</a:t>
            </a:r>
            <a:endParaRPr lang="fr-FR" dirty="0"/>
          </a:p>
        </p:txBody>
      </p:sp>
      <p:pic>
        <p:nvPicPr>
          <p:cNvPr id="25" name="Image 24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04632" y="4637846"/>
            <a:ext cx="3717622" cy="2190164"/>
          </a:xfrm>
          <a:prstGeom prst="rect">
            <a:avLst/>
          </a:prstGeom>
        </p:spPr>
      </p:pic>
      <p:sp>
        <p:nvSpPr>
          <p:cNvPr id="26" name="Sous-titre 2"/>
          <p:cNvSpPr txBox="1">
            <a:spLocks/>
          </p:cNvSpPr>
          <p:nvPr/>
        </p:nvSpPr>
        <p:spPr>
          <a:xfrm>
            <a:off x="-98612" y="5159611"/>
            <a:ext cx="3059515" cy="53548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Wingdings" panose="05000000000000000000" pitchFamily="2" charset="2"/>
              <a:buChar char="q"/>
            </a:pPr>
            <a:r>
              <a:rPr lang="fr-FR" dirty="0" smtClean="0"/>
              <a:t>Lecteur biométrique</a:t>
            </a:r>
            <a:endParaRPr lang="fr-FR" dirty="0"/>
          </a:p>
        </p:txBody>
      </p:sp>
      <p:pic>
        <p:nvPicPr>
          <p:cNvPr id="27" name="Image 26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56934" y="4455484"/>
            <a:ext cx="3562351" cy="2008560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28" name="Sous-titre 2"/>
          <p:cNvSpPr txBox="1">
            <a:spLocks/>
          </p:cNvSpPr>
          <p:nvPr/>
        </p:nvSpPr>
        <p:spPr>
          <a:xfrm>
            <a:off x="4881817" y="5197440"/>
            <a:ext cx="3507028" cy="53548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Wingdings" panose="05000000000000000000" pitchFamily="2" charset="2"/>
              <a:buChar char="q"/>
            </a:pPr>
            <a:r>
              <a:rPr lang="fr-FR" dirty="0" smtClean="0"/>
              <a:t>Mot de passe classique</a:t>
            </a:r>
            <a:endParaRPr lang="fr-FR" dirty="0"/>
          </a:p>
        </p:txBody>
      </p:sp>
      <p:sp>
        <p:nvSpPr>
          <p:cNvPr id="10" name="Rectangle 9"/>
          <p:cNvSpPr/>
          <p:nvPr/>
        </p:nvSpPr>
        <p:spPr>
          <a:xfrm>
            <a:off x="5038725" y="1098728"/>
            <a:ext cx="6381750" cy="2396947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88369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/>
      <p:bldP spid="24" grpId="0"/>
      <p:bldP spid="26" grpId="0"/>
      <p:bldP spid="28" grpId="0"/>
      <p:bldP spid="10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1371600"/>
          </a:xfrm>
        </p:spPr>
        <p:txBody>
          <a:bodyPr/>
          <a:lstStyle/>
          <a:p>
            <a:r>
              <a:rPr lang="fr-FR" b="1" u="sng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Black" panose="020B0A04020102020204" pitchFamily="34" charset="0"/>
              </a:rPr>
              <a:t>Sommaire</a:t>
            </a:r>
            <a:endParaRPr lang="fr-FR" b="1" u="sng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rial Black" panose="020B0A04020102020204" pitchFamily="34" charset="0"/>
            </a:endParaRPr>
          </a:p>
        </p:txBody>
      </p:sp>
      <p:graphicFrame>
        <p:nvGraphicFramePr>
          <p:cNvPr id="5" name="Diagramme 4"/>
          <p:cNvGraphicFramePr/>
          <p:nvPr>
            <p:extLst>
              <p:ext uri="{D42A27DB-BD31-4B8C-83A1-F6EECF244321}">
                <p14:modId xmlns:p14="http://schemas.microsoft.com/office/powerpoint/2010/main" val="3021588921"/>
              </p:ext>
            </p:extLst>
          </p:nvPr>
        </p:nvGraphicFramePr>
        <p:xfrm>
          <a:off x="471396" y="1371600"/>
          <a:ext cx="6265305" cy="518782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7888936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EA51A14-EF6A-4FEF-B0C4-6305B62CCF1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1967" y="219970"/>
            <a:ext cx="11692590" cy="711503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riangle isocèle 5">
            <a:extLst>
              <a:ext uri="{FF2B5EF4-FFF2-40B4-BE49-F238E27FC236}">
                <a16:creationId xmlns:a16="http://schemas.microsoft.com/office/drawing/2014/main" id="{3823B7A2-84AA-4AEC-9232-A06C42523044}"/>
              </a:ext>
            </a:extLst>
          </p:cNvPr>
          <p:cNvSpPr/>
          <p:nvPr/>
        </p:nvSpPr>
        <p:spPr>
          <a:xfrm rot="5400000">
            <a:off x="11274470" y="253971"/>
            <a:ext cx="1060174" cy="62934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7" name="OTLSHAPE_TB_00000000000000000000000000000000_Separator1">
            <a:extLst>
              <a:ext uri="{FF2B5EF4-FFF2-40B4-BE49-F238E27FC236}">
                <a16:creationId xmlns:a16="http://schemas.microsoft.com/office/drawing/2014/main" id="{7F4EEE01-C7A2-43E9-BA4E-7AD157827618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1475701" y="219971"/>
            <a:ext cx="4" cy="711501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75AA0284-6AB4-4995-A78D-F3CAFA8CE1CB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2834149" y="215859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37894D57-B791-4C4D-B30B-A67FF7737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68399" y="219378"/>
            <a:ext cx="1359331" cy="711500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Présentation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1">
            <a:extLst>
              <a:ext uri="{FF2B5EF4-FFF2-40B4-BE49-F238E27FC236}">
                <a16:creationId xmlns:a16="http://schemas.microsoft.com/office/drawing/2014/main" id="{BD03E107-599B-4041-B718-49C03238F1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45844" y="215858"/>
            <a:ext cx="1357583" cy="715019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dirty="0" smtClean="0">
                <a:solidFill>
                  <a:schemeClr val="bg1"/>
                </a:solidFill>
              </a:rPr>
              <a:t>Echéancier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103A3BCC-7D62-4D9A-AB2E-36EE31CEE7D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4308" y="215266"/>
            <a:ext cx="1306767" cy="722738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Diagrammes</a:t>
            </a:r>
            <a:endParaRPr lang="fr-FR" sz="20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C0B124C2-A7F3-4D4D-B079-978502D0491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537495" y="215265"/>
            <a:ext cx="1340034" cy="722739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Interface 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Homme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/machine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1">
            <a:extLst>
              <a:ext uri="{FF2B5EF4-FFF2-40B4-BE49-F238E27FC236}">
                <a16:creationId xmlns:a16="http://schemas.microsoft.com/office/drawing/2014/main" id="{A0A2E750-5904-4570-B024-C6FEDDC42C1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882791" y="215266"/>
            <a:ext cx="1269580" cy="722738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aratif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1">
            <a:extLst>
              <a:ext uri="{FF2B5EF4-FFF2-40B4-BE49-F238E27FC236}">
                <a16:creationId xmlns:a16="http://schemas.microsoft.com/office/drawing/2014/main" id="{1ADBF6AB-3E91-4905-A662-4F4D0AD9CAB9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157633" y="234228"/>
            <a:ext cx="1363728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Financement</a:t>
            </a:r>
            <a:endParaRPr lang="en-US" b="1" spc="-1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9558331" y="219377"/>
            <a:ext cx="1931555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nclusion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1">
            <a:extLst>
              <a:ext uri="{FF2B5EF4-FFF2-40B4-BE49-F238E27FC236}">
                <a16:creationId xmlns:a16="http://schemas.microsoft.com/office/drawing/2014/main" id="{77A8979F-326B-4DEC-B7E4-11362364358C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 flipH="1">
            <a:off x="4207811" y="21683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1">
            <a:extLst>
              <a:ext uri="{FF2B5EF4-FFF2-40B4-BE49-F238E27FC236}">
                <a16:creationId xmlns:a16="http://schemas.microsoft.com/office/drawing/2014/main" id="{94E81477-8E94-4F32-ACEA-0AF7F691236B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H="1">
            <a:off x="5525799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1">
            <a:extLst>
              <a:ext uri="{FF2B5EF4-FFF2-40B4-BE49-F238E27FC236}">
                <a16:creationId xmlns:a16="http://schemas.microsoft.com/office/drawing/2014/main" id="{D0450FB1-1161-405F-B4AD-EDA0A1512DCE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815763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1">
            <a:extLst>
              <a:ext uri="{FF2B5EF4-FFF2-40B4-BE49-F238E27FC236}">
                <a16:creationId xmlns:a16="http://schemas.microsoft.com/office/drawing/2014/main" id="{F0D40541-9FCF-4740-915D-ED488454EFCD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>
            <a:off x="954779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1">
            <a:extLst>
              <a:ext uri="{FF2B5EF4-FFF2-40B4-BE49-F238E27FC236}">
                <a16:creationId xmlns:a16="http://schemas.microsoft.com/office/drawing/2014/main" id="{6F59878B-0E43-4483-BB5F-C555F6474385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 flipH="1">
            <a:off x="6871339" y="217320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aphicFrame>
        <p:nvGraphicFramePr>
          <p:cNvPr id="5" name="Tableau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05716115"/>
              </p:ext>
            </p:extLst>
          </p:nvPr>
        </p:nvGraphicFramePr>
        <p:xfrm>
          <a:off x="111967" y="1098728"/>
          <a:ext cx="11377920" cy="5609643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896320">
                  <a:extLst>
                    <a:ext uri="{9D8B030D-6E8A-4147-A177-3AD203B41FA5}">
                      <a16:colId xmlns:a16="http://schemas.microsoft.com/office/drawing/2014/main" val="1023724135"/>
                    </a:ext>
                  </a:extLst>
                </a:gridCol>
                <a:gridCol w="1896320">
                  <a:extLst>
                    <a:ext uri="{9D8B030D-6E8A-4147-A177-3AD203B41FA5}">
                      <a16:colId xmlns:a16="http://schemas.microsoft.com/office/drawing/2014/main" val="1285991059"/>
                    </a:ext>
                  </a:extLst>
                </a:gridCol>
                <a:gridCol w="1896320">
                  <a:extLst>
                    <a:ext uri="{9D8B030D-6E8A-4147-A177-3AD203B41FA5}">
                      <a16:colId xmlns:a16="http://schemas.microsoft.com/office/drawing/2014/main" val="1525214115"/>
                    </a:ext>
                  </a:extLst>
                </a:gridCol>
                <a:gridCol w="1896320">
                  <a:extLst>
                    <a:ext uri="{9D8B030D-6E8A-4147-A177-3AD203B41FA5}">
                      <a16:colId xmlns:a16="http://schemas.microsoft.com/office/drawing/2014/main" val="2511142527"/>
                    </a:ext>
                  </a:extLst>
                </a:gridCol>
                <a:gridCol w="1896320">
                  <a:extLst>
                    <a:ext uri="{9D8B030D-6E8A-4147-A177-3AD203B41FA5}">
                      <a16:colId xmlns:a16="http://schemas.microsoft.com/office/drawing/2014/main" val="2503430281"/>
                    </a:ext>
                  </a:extLst>
                </a:gridCol>
                <a:gridCol w="1896320">
                  <a:extLst>
                    <a:ext uri="{9D8B030D-6E8A-4147-A177-3AD203B41FA5}">
                      <a16:colId xmlns:a16="http://schemas.microsoft.com/office/drawing/2014/main" val="1127793106"/>
                    </a:ext>
                  </a:extLst>
                </a:gridCol>
              </a:tblGrid>
              <a:tr h="1597062">
                <a:tc>
                  <a:txBody>
                    <a:bodyPr/>
                    <a:lstStyle/>
                    <a:p>
                      <a:pPr algn="ctr"/>
                      <a:endParaRPr lang="fr-FR" dirty="0" smtClean="0"/>
                    </a:p>
                    <a:p>
                      <a:pPr algn="ctr"/>
                      <a:r>
                        <a:rPr lang="fr-FR" dirty="0" smtClean="0"/>
                        <a:t>Produit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fr-FR" dirty="0" smtClean="0"/>
                    </a:p>
                    <a:p>
                      <a:pPr algn="ctr"/>
                      <a:r>
                        <a:rPr lang="fr-FR" dirty="0" smtClean="0"/>
                        <a:t>Photo</a:t>
                      </a:r>
                      <a:r>
                        <a:rPr lang="fr-FR" baseline="0" dirty="0" smtClean="0"/>
                        <a:t> du produit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 smtClean="0"/>
                    </a:p>
                    <a:p>
                      <a:pPr algn="ctr"/>
                      <a:r>
                        <a:rPr lang="fr-FR" b="1" i="0" dirty="0" smtClean="0"/>
                        <a:t>Prix</a:t>
                      </a:r>
                      <a:r>
                        <a:rPr lang="fr-FR" b="1" i="0" dirty="0" smtClean="0">
                          <a:latin typeface="+mn-lt"/>
                        </a:rPr>
                        <a:t>(</a:t>
                      </a:r>
                      <a:r>
                        <a:rPr lang="fr-FR" sz="1800" b="1" i="0" kern="1200" dirty="0" smtClean="0">
                          <a:solidFill>
                            <a:schemeClr val="lt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)</a:t>
                      </a:r>
                      <a:endParaRPr lang="fr-FR" b="1" i="0" dirty="0"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 smtClean="0"/>
                    </a:p>
                    <a:p>
                      <a:pPr algn="ctr"/>
                      <a:r>
                        <a:rPr lang="fr-FR" dirty="0" smtClean="0"/>
                        <a:t>Informations produit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 smtClean="0"/>
                    </a:p>
                    <a:p>
                      <a:pPr algn="ctr"/>
                      <a:r>
                        <a:rPr lang="fr-FR" dirty="0" smtClean="0"/>
                        <a:t>Fréquenc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fr-FR" dirty="0" smtClean="0"/>
                    </a:p>
                    <a:p>
                      <a:pPr algn="ctr"/>
                      <a:r>
                        <a:rPr lang="fr-FR" dirty="0" smtClean="0"/>
                        <a:t>Lien</a:t>
                      </a:r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6135709"/>
                  </a:ext>
                </a:extLst>
              </a:tr>
              <a:tr h="2323073">
                <a:tc>
                  <a:txBody>
                    <a:bodyPr/>
                    <a:lstStyle/>
                    <a:p>
                      <a:pPr algn="ctr"/>
                      <a:endParaRPr lang="fr-FR" dirty="0" smtClean="0"/>
                    </a:p>
                    <a:p>
                      <a:pPr algn="ctr"/>
                      <a:endParaRPr lang="fr-FR" sz="1800" b="1" i="0" u="none" strike="noStrike" kern="1200" dirty="0" smtClean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ctr"/>
                      <a:r>
                        <a:rPr lang="fr-FR" sz="1800" b="1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ecteur RFID 13.56MHz SL500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fr-FR" dirty="0" smtClean="0"/>
                    </a:p>
                    <a:p>
                      <a:pPr algn="ctr"/>
                      <a:endParaRPr lang="fr-FR" dirty="0" smtClean="0"/>
                    </a:p>
                    <a:p>
                      <a:pPr algn="ctr"/>
                      <a:endParaRPr lang="fr-FR" i="0" dirty="0" smtClean="0"/>
                    </a:p>
                    <a:p>
                      <a:pPr algn="ctr"/>
                      <a:r>
                        <a:rPr lang="fr-FR" i="0" dirty="0" smtClean="0"/>
                        <a:t>31,15</a:t>
                      </a:r>
                      <a:endParaRPr lang="fr-FR" i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dirty="0" smtClean="0"/>
                        <a:t>-Protocole : </a:t>
                      </a:r>
                      <a:r>
                        <a:rPr lang="fr-FR" sz="1800" b="0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ISO14443A, ISO18092 NFCIP-1</a:t>
                      </a:r>
                      <a:r>
                        <a:rPr lang="fr-FR" dirty="0" smtClean="0"/>
                        <a:t>;</a:t>
                      </a:r>
                    </a:p>
                    <a:p>
                      <a:r>
                        <a:rPr lang="fr-FR" dirty="0" smtClean="0"/>
                        <a:t>-Interface</a:t>
                      </a:r>
                      <a:r>
                        <a:rPr lang="fr-FR" baseline="0" dirty="0" smtClean="0"/>
                        <a:t> :</a:t>
                      </a:r>
                      <a:r>
                        <a:rPr lang="fr-FR" sz="1800" b="0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USB HID protocole</a:t>
                      </a:r>
                      <a:r>
                        <a:rPr lang="fr-FR" dirty="0" smtClean="0"/>
                        <a:t>;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fr-FR" dirty="0" smtClean="0"/>
                    </a:p>
                    <a:p>
                      <a:pPr algn="ctr"/>
                      <a:endParaRPr lang="fr-FR" dirty="0" smtClean="0"/>
                    </a:p>
                    <a:p>
                      <a:pPr algn="ctr"/>
                      <a:endParaRPr lang="fr-FR" dirty="0" smtClean="0"/>
                    </a:p>
                    <a:p>
                      <a:pPr algn="ctr"/>
                      <a:r>
                        <a:rPr lang="fr-FR" dirty="0" smtClean="0"/>
                        <a:t>13,56MHz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fr-FR" dirty="0" smtClean="0"/>
                    </a:p>
                    <a:p>
                      <a:pPr algn="ctr"/>
                      <a:endParaRPr lang="fr-FR" dirty="0" smtClean="0">
                        <a:hlinkClick r:id="rId17"/>
                      </a:endParaRPr>
                    </a:p>
                    <a:p>
                      <a:pPr algn="ctr"/>
                      <a:r>
                        <a:rPr lang="fr-FR" dirty="0" smtClean="0">
                          <a:hlinkClick r:id="rId17"/>
                        </a:rPr>
                        <a:t>Lien</a:t>
                      </a:r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32277814"/>
                  </a:ext>
                </a:extLst>
              </a:tr>
              <a:tr h="1689508">
                <a:tc>
                  <a:txBody>
                    <a:bodyPr/>
                    <a:lstStyle/>
                    <a:p>
                      <a:pPr algn="ctr"/>
                      <a:endParaRPr lang="fr-FR" sz="1800" b="1" i="0" u="none" strike="noStrike" kern="1200" dirty="0" smtClean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ctr"/>
                      <a:r>
                        <a:rPr lang="fr-FR" sz="1800" b="1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IFARE </a:t>
                      </a:r>
                      <a:r>
                        <a:rPr lang="fr-FR" sz="1800" b="1" i="0" u="none" strike="noStrike" kern="120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Ultralight</a:t>
                      </a:r>
                      <a:r>
                        <a:rPr lang="fr-FR" sz="1800" b="1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® </a:t>
                      </a:r>
                      <a:r>
                        <a:rPr lang="fr-FR" sz="1800" b="1" i="0" u="none" strike="noStrike" kern="120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ontactless</a:t>
                      </a:r>
                      <a:r>
                        <a:rPr lang="fr-FR" sz="1800" b="1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Carte à puce</a:t>
                      </a:r>
                      <a:endParaRPr lang="fr-FR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fr-FR" dirty="0" smtClean="0"/>
                    </a:p>
                    <a:p>
                      <a:pPr algn="ctr"/>
                      <a:endParaRPr lang="fr-FR" dirty="0" smtClean="0"/>
                    </a:p>
                    <a:p>
                      <a:pPr algn="ctr"/>
                      <a:r>
                        <a:rPr lang="fr-FR" dirty="0" smtClean="0"/>
                        <a:t>0,60</a:t>
                      </a:r>
                      <a:endParaRPr lang="fr-FR" dirty="0" smtClean="0"/>
                    </a:p>
                    <a:p>
                      <a:pPr algn="ctr"/>
                      <a:endParaRPr lang="fr-FR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800" b="0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-Protocole : ISO14443A;</a:t>
                      </a:r>
                    </a:p>
                    <a:p>
                      <a:r>
                        <a:rPr lang="fr-FR" sz="1800" b="0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-conservation des données : 5</a:t>
                      </a:r>
                      <a:r>
                        <a:rPr lang="fr-FR" sz="1800" b="0" i="0" u="none" strike="noStrike" kern="1200" baseline="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ans.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fr-FR" dirty="0" smtClean="0"/>
                    </a:p>
                    <a:p>
                      <a:pPr algn="ctr"/>
                      <a:endParaRPr lang="fr-FR" dirty="0" smtClean="0"/>
                    </a:p>
                    <a:p>
                      <a:pPr algn="ctr"/>
                      <a:r>
                        <a:rPr lang="fr-FR" dirty="0" smtClean="0"/>
                        <a:t>13,56MHz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fr-FR" dirty="0" smtClean="0"/>
                    </a:p>
                    <a:p>
                      <a:pPr algn="ctr"/>
                      <a:endParaRPr lang="fr-FR" dirty="0" smtClean="0"/>
                    </a:p>
                    <a:p>
                      <a:pPr algn="ctr"/>
                      <a:r>
                        <a:rPr lang="fr-FR" dirty="0" smtClean="0">
                          <a:hlinkClick r:id="rId18"/>
                        </a:rPr>
                        <a:t>Lien</a:t>
                      </a:r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08834484"/>
                  </a:ext>
                </a:extLst>
              </a:tr>
            </a:tbl>
          </a:graphicData>
        </a:graphic>
      </p:graphicFrame>
      <p:pic>
        <p:nvPicPr>
          <p:cNvPr id="2" name="Image 1"/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10199" y="3108420"/>
            <a:ext cx="1685953" cy="1256406"/>
          </a:xfrm>
          <a:prstGeom prst="rect">
            <a:avLst/>
          </a:prstGeom>
        </p:spPr>
      </p:pic>
      <p:pic>
        <p:nvPicPr>
          <p:cNvPr id="3" name="Image 2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10199" y="5286895"/>
            <a:ext cx="1685953" cy="1087623"/>
          </a:xfrm>
          <a:prstGeom prst="rect">
            <a:avLst/>
          </a:prstGeom>
        </p:spPr>
      </p:pic>
      <p:pic>
        <p:nvPicPr>
          <p:cNvPr id="23" name="Image 22" descr="logo retouché.png"/>
          <p:cNvPicPr>
            <a:picLocks noChangeAspect="1"/>
          </p:cNvPicPr>
          <p:nvPr/>
        </p:nvPicPr>
        <p:blipFill rotWithShape="1">
          <a:blip r:embed="rId21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-1073636" y="-428939"/>
            <a:ext cx="3813280" cy="14164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41805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DEA51A14-EF6A-4FEF-B0C4-6305B62CCF1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1967" y="219970"/>
            <a:ext cx="11692590" cy="711503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riangle isocèle 2">
            <a:extLst>
              <a:ext uri="{FF2B5EF4-FFF2-40B4-BE49-F238E27FC236}">
                <a16:creationId xmlns:a16="http://schemas.microsoft.com/office/drawing/2014/main" id="{3823B7A2-84AA-4AEC-9232-A06C42523044}"/>
              </a:ext>
            </a:extLst>
          </p:cNvPr>
          <p:cNvSpPr/>
          <p:nvPr/>
        </p:nvSpPr>
        <p:spPr>
          <a:xfrm rot="5400000">
            <a:off x="11274470" y="253971"/>
            <a:ext cx="1060174" cy="62934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4" name="OTLSHAPE_TB_00000000000000000000000000000000_Separator1">
            <a:extLst>
              <a:ext uri="{FF2B5EF4-FFF2-40B4-BE49-F238E27FC236}">
                <a16:creationId xmlns:a16="http://schemas.microsoft.com/office/drawing/2014/main" id="{7F4EEE01-C7A2-43E9-BA4E-7AD157827618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1475701" y="219971"/>
            <a:ext cx="4" cy="711501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1">
            <a:extLst>
              <a:ext uri="{FF2B5EF4-FFF2-40B4-BE49-F238E27FC236}">
                <a16:creationId xmlns:a16="http://schemas.microsoft.com/office/drawing/2014/main" id="{75AA0284-6AB4-4995-A78D-F3CAFA8CE1CB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2834149" y="215859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TimescaleInterval1">
            <a:extLst>
              <a:ext uri="{FF2B5EF4-FFF2-40B4-BE49-F238E27FC236}">
                <a16:creationId xmlns:a16="http://schemas.microsoft.com/office/drawing/2014/main" id="{37894D57-B791-4C4D-B30B-A67FF7737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68399" y="219377"/>
            <a:ext cx="1359331" cy="711501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Présentation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BD03E107-599B-4041-B718-49C03238F1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54162" y="215858"/>
            <a:ext cx="1349265" cy="718627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dirty="0" smtClean="0">
                <a:solidFill>
                  <a:schemeClr val="bg1"/>
                </a:solidFill>
              </a:rPr>
              <a:t>Echéancier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03A3BCC-7D62-4D9A-AB2E-36EE31CEE7D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4308" y="215266"/>
            <a:ext cx="1312943" cy="715611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Diagrammes</a:t>
            </a:r>
            <a:endParaRPr lang="fr-FR" sz="20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C0B124C2-A7F3-4D4D-B079-978502D0491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527965" y="215265"/>
            <a:ext cx="1349564" cy="722739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Interface 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Homme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/machine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1ADBF6AB-3E91-4905-A662-4F4D0AD9CAB9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157633" y="218996"/>
            <a:ext cx="1395436" cy="711881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Financement</a:t>
            </a:r>
            <a:endParaRPr lang="en-US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558331" y="219377"/>
            <a:ext cx="1931555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400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Conclusion</a:t>
            </a:r>
            <a:endParaRPr lang="fr-FR" sz="2400" b="1" spc="-1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1">
            <a:extLst>
              <a:ext uri="{FF2B5EF4-FFF2-40B4-BE49-F238E27FC236}">
                <a16:creationId xmlns:a16="http://schemas.microsoft.com/office/drawing/2014/main" id="{77A8979F-326B-4DEC-B7E4-11362364358C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4207811" y="21683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1">
            <a:extLst>
              <a:ext uri="{FF2B5EF4-FFF2-40B4-BE49-F238E27FC236}">
                <a16:creationId xmlns:a16="http://schemas.microsoft.com/office/drawing/2014/main" id="{94E81477-8E94-4F32-ACEA-0AF7F691236B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 flipH="1">
            <a:off x="5525799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1">
            <a:extLst>
              <a:ext uri="{FF2B5EF4-FFF2-40B4-BE49-F238E27FC236}">
                <a16:creationId xmlns:a16="http://schemas.microsoft.com/office/drawing/2014/main" id="{D0450FB1-1161-405F-B4AD-EDA0A1512DCE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H="1">
            <a:off x="815763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1">
            <a:extLst>
              <a:ext uri="{FF2B5EF4-FFF2-40B4-BE49-F238E27FC236}">
                <a16:creationId xmlns:a16="http://schemas.microsoft.com/office/drawing/2014/main" id="{F0D40541-9FCF-4740-915D-ED488454EFCD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954779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1">
            <a:extLst>
              <a:ext uri="{FF2B5EF4-FFF2-40B4-BE49-F238E27FC236}">
                <a16:creationId xmlns:a16="http://schemas.microsoft.com/office/drawing/2014/main" id="{6F59878B-0E43-4483-BB5F-C555F647438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>
            <a:off x="6871339" y="217320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1">
            <a:extLst>
              <a:ext uri="{FF2B5EF4-FFF2-40B4-BE49-F238E27FC236}">
                <a16:creationId xmlns:a16="http://schemas.microsoft.com/office/drawing/2014/main" id="{A0A2E750-5904-4570-B024-C6FEDDC42C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882791" y="215263"/>
            <a:ext cx="1269580" cy="715613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aratif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pic>
        <p:nvPicPr>
          <p:cNvPr id="21" name="Image 20" descr="logo retouché.png"/>
          <p:cNvPicPr>
            <a:picLocks noChangeAspect="1"/>
          </p:cNvPicPr>
          <p:nvPr/>
        </p:nvPicPr>
        <p:blipFill rotWithShape="1">
          <a:blip r:embed="rId18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-1073636" y="-428939"/>
            <a:ext cx="3813280" cy="1416458"/>
          </a:xfrm>
          <a:prstGeom prst="rect">
            <a:avLst/>
          </a:prstGeom>
        </p:spPr>
      </p:pic>
      <p:sp>
        <p:nvSpPr>
          <p:cNvPr id="22" name="ZoneTexte 21"/>
          <p:cNvSpPr txBox="1"/>
          <p:nvPr/>
        </p:nvSpPr>
        <p:spPr>
          <a:xfrm>
            <a:off x="3246629" y="987519"/>
            <a:ext cx="542326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000" b="1" dirty="0" smtClean="0"/>
              <a:t>Répartition des travaux </a:t>
            </a:r>
            <a:endParaRPr lang="fr-FR" sz="4000" b="1" dirty="0"/>
          </a:p>
        </p:txBody>
      </p:sp>
      <p:pic>
        <p:nvPicPr>
          <p:cNvPr id="23" name="Image 22"/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695405"/>
            <a:ext cx="8695765" cy="5162595"/>
          </a:xfrm>
          <a:prstGeom prst="rect">
            <a:avLst/>
          </a:prstGeom>
        </p:spPr>
      </p:pic>
      <p:sp>
        <p:nvSpPr>
          <p:cNvPr id="24" name="ZoneTexte 23"/>
          <p:cNvSpPr txBox="1"/>
          <p:nvPr/>
        </p:nvSpPr>
        <p:spPr>
          <a:xfrm>
            <a:off x="8695765" y="1918447"/>
            <a:ext cx="3594847" cy="21698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Wingdings" panose="05000000000000000000" pitchFamily="2" charset="2"/>
              <a:buChar char="q"/>
            </a:pPr>
            <a:r>
              <a:rPr lang="fr-FR" sz="2700" dirty="0" smtClean="0">
                <a:solidFill>
                  <a:schemeClr val="accent4"/>
                </a:solidFill>
              </a:rPr>
              <a:t>HIRSCH Claude;</a:t>
            </a:r>
          </a:p>
          <a:p>
            <a:pPr marL="457200" indent="-457200">
              <a:buFont typeface="Wingdings" panose="05000000000000000000" pitchFamily="2" charset="2"/>
              <a:buChar char="q"/>
            </a:pPr>
            <a:endParaRPr lang="fr-FR" sz="2700" dirty="0"/>
          </a:p>
          <a:p>
            <a:pPr marL="457200" indent="-457200">
              <a:buFont typeface="Wingdings" panose="05000000000000000000" pitchFamily="2" charset="2"/>
              <a:buChar char="q"/>
            </a:pPr>
            <a:r>
              <a:rPr lang="fr-FR" sz="2700" dirty="0" smtClean="0">
                <a:solidFill>
                  <a:schemeClr val="accent6">
                    <a:lumMod val="75000"/>
                  </a:schemeClr>
                </a:solidFill>
              </a:rPr>
              <a:t>GILSON Benjamin;</a:t>
            </a:r>
          </a:p>
          <a:p>
            <a:pPr marL="457200" indent="-457200">
              <a:buFont typeface="Wingdings" panose="05000000000000000000" pitchFamily="2" charset="2"/>
              <a:buChar char="q"/>
            </a:pPr>
            <a:endParaRPr lang="fr-FR" sz="2700" dirty="0"/>
          </a:p>
          <a:p>
            <a:pPr marL="457200" indent="-457200">
              <a:buFont typeface="Wingdings" panose="05000000000000000000" pitchFamily="2" charset="2"/>
              <a:buChar char="q"/>
            </a:pPr>
            <a:r>
              <a:rPr lang="fr-FR" sz="2700" dirty="0" smtClean="0">
                <a:solidFill>
                  <a:schemeClr val="accent5">
                    <a:lumMod val="50000"/>
                  </a:schemeClr>
                </a:solidFill>
              </a:rPr>
              <a:t>BIERNACZYK </a:t>
            </a:r>
            <a:r>
              <a:rPr lang="fr-FR" sz="2700" dirty="0" err="1" smtClean="0">
                <a:solidFill>
                  <a:schemeClr val="accent5">
                    <a:lumMod val="50000"/>
                  </a:schemeClr>
                </a:solidFill>
              </a:rPr>
              <a:t>Flavian</a:t>
            </a:r>
            <a:r>
              <a:rPr lang="fr-FR" sz="2700" dirty="0" smtClean="0">
                <a:solidFill>
                  <a:schemeClr val="accent5">
                    <a:lumMod val="50000"/>
                  </a:schemeClr>
                </a:solidFill>
              </a:rPr>
              <a:t>;</a:t>
            </a:r>
            <a:endParaRPr lang="fr-FR" sz="2700" dirty="0">
              <a:solidFill>
                <a:schemeClr val="accent5">
                  <a:lumMod val="50000"/>
                </a:schemeClr>
              </a:solidFill>
            </a:endParaRPr>
          </a:p>
        </p:txBody>
      </p:sp>
      <p:sp>
        <p:nvSpPr>
          <p:cNvPr id="25" name="Rectangle à coins arrondis 24"/>
          <p:cNvSpPr/>
          <p:nvPr/>
        </p:nvSpPr>
        <p:spPr>
          <a:xfrm>
            <a:off x="6871339" y="3836894"/>
            <a:ext cx="1967861" cy="1730188"/>
          </a:xfrm>
          <a:prstGeom prst="round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6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558330" y="212249"/>
            <a:ext cx="1931555" cy="718627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400" b="1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nclusion</a:t>
            </a:r>
            <a:endParaRPr lang="fr-FR" sz="2400" b="1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511172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" grpId="0" animBg="1"/>
      <p:bldP spid="26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2"/>
          <a:srcRect r="63968"/>
          <a:stretch/>
        </p:blipFill>
        <p:spPr>
          <a:xfrm>
            <a:off x="0" y="649907"/>
            <a:ext cx="6598024" cy="6208093"/>
          </a:xfrm>
          <a:prstGeom prst="rect">
            <a:avLst/>
          </a:prstGeom>
        </p:spPr>
      </p:pic>
      <p:pic>
        <p:nvPicPr>
          <p:cNvPr id="5" name="Imag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70728" y="649907"/>
            <a:ext cx="8821272" cy="6203294"/>
          </a:xfrm>
          <a:prstGeom prst="rect">
            <a:avLst/>
          </a:prstGeom>
        </p:spPr>
      </p:pic>
      <p:sp>
        <p:nvSpPr>
          <p:cNvPr id="2" name="ZoneTexte 1"/>
          <p:cNvSpPr txBox="1"/>
          <p:nvPr/>
        </p:nvSpPr>
        <p:spPr>
          <a:xfrm>
            <a:off x="0" y="0"/>
            <a:ext cx="121920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 smtClean="0">
                <a:solidFill>
                  <a:schemeClr val="accent4"/>
                </a:solidFill>
              </a:rPr>
              <a:t>Etudiant 1 </a:t>
            </a:r>
            <a:r>
              <a:rPr lang="fr-FR" sz="2800" b="1" dirty="0" smtClean="0"/>
              <a:t>/ </a:t>
            </a:r>
            <a:r>
              <a:rPr lang="fr-FR" sz="2800" b="1" dirty="0" smtClean="0">
                <a:solidFill>
                  <a:schemeClr val="accent6"/>
                </a:solidFill>
              </a:rPr>
              <a:t>Etudiant 2 </a:t>
            </a:r>
            <a:r>
              <a:rPr lang="fr-FR" sz="2800" b="1" dirty="0" smtClean="0"/>
              <a:t>/ </a:t>
            </a:r>
            <a:r>
              <a:rPr lang="fr-FR" sz="2800" b="1" dirty="0" smtClean="0">
                <a:solidFill>
                  <a:srgbClr val="0070C0"/>
                </a:solidFill>
              </a:rPr>
              <a:t>Etudiant 3 </a:t>
            </a:r>
            <a:r>
              <a:rPr lang="fr-FR" sz="2800" b="1" dirty="0" smtClean="0"/>
              <a:t>/ </a:t>
            </a:r>
            <a:r>
              <a:rPr lang="fr-FR" sz="2800" b="1" dirty="0" smtClean="0">
                <a:solidFill>
                  <a:srgbClr val="00B0F0"/>
                </a:solidFill>
              </a:rPr>
              <a:t>Etudiant 4 (ABSENT)</a:t>
            </a:r>
            <a:endParaRPr lang="fr-FR" sz="2800" b="1" dirty="0">
              <a:solidFill>
                <a:srgbClr val="00B0F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5866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OTLSHAPE_TB_00000000000000000000000000000000_ScaleContainer">
            <a:extLst>
              <a:ext uri="{FF2B5EF4-FFF2-40B4-BE49-F238E27FC236}">
                <a16:creationId xmlns:a16="http://schemas.microsoft.com/office/drawing/2014/main" id="{DEA51A14-EF6A-4FEF-B0C4-6305B62CCF1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1967" y="219970"/>
            <a:ext cx="11692590" cy="711503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2" name="Triangle isocèle 51">
            <a:extLst>
              <a:ext uri="{FF2B5EF4-FFF2-40B4-BE49-F238E27FC236}">
                <a16:creationId xmlns:a16="http://schemas.microsoft.com/office/drawing/2014/main" id="{3823B7A2-84AA-4AEC-9232-A06C42523044}"/>
              </a:ext>
            </a:extLst>
          </p:cNvPr>
          <p:cNvSpPr/>
          <p:nvPr/>
        </p:nvSpPr>
        <p:spPr>
          <a:xfrm rot="5400000">
            <a:off x="11274470" y="253971"/>
            <a:ext cx="1060174" cy="62934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53" name="OTLSHAPE_TB_00000000000000000000000000000000_Separator1">
            <a:extLst>
              <a:ext uri="{FF2B5EF4-FFF2-40B4-BE49-F238E27FC236}">
                <a16:creationId xmlns:a16="http://schemas.microsoft.com/office/drawing/2014/main" id="{7F4EEE01-C7A2-43E9-BA4E-7AD157827618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1475701" y="219971"/>
            <a:ext cx="4" cy="711501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Separator1">
            <a:extLst>
              <a:ext uri="{FF2B5EF4-FFF2-40B4-BE49-F238E27FC236}">
                <a16:creationId xmlns:a16="http://schemas.microsoft.com/office/drawing/2014/main" id="{75AA0284-6AB4-4995-A78D-F3CAFA8CE1CB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2834149" y="215859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5" name="OTLSHAPE_TB_00000000000000000000000000000000_TimescaleInterval1">
            <a:extLst>
              <a:ext uri="{FF2B5EF4-FFF2-40B4-BE49-F238E27FC236}">
                <a16:creationId xmlns:a16="http://schemas.microsoft.com/office/drawing/2014/main" id="{37894D57-B791-4C4D-B30B-A67FF7737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68399" y="219377"/>
            <a:ext cx="1359331" cy="711501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Présentation</a:t>
            </a:r>
            <a:endParaRPr lang="fr-FR" sz="1700" b="1" spc="-1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TimescaleInterval1">
            <a:extLst>
              <a:ext uri="{FF2B5EF4-FFF2-40B4-BE49-F238E27FC236}">
                <a16:creationId xmlns:a16="http://schemas.microsoft.com/office/drawing/2014/main" id="{BD03E107-599B-4041-B718-49C03238F1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54162" y="215858"/>
            <a:ext cx="1349265" cy="718627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dirty="0" smtClean="0">
                <a:solidFill>
                  <a:schemeClr val="bg1"/>
                </a:solidFill>
              </a:rPr>
              <a:t>Echéancier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TimescaleInterval1">
            <a:extLst>
              <a:ext uri="{FF2B5EF4-FFF2-40B4-BE49-F238E27FC236}">
                <a16:creationId xmlns:a16="http://schemas.microsoft.com/office/drawing/2014/main" id="{103A3BCC-7D62-4D9A-AB2E-36EE31CEE7D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4308" y="215266"/>
            <a:ext cx="1291831" cy="715611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Diagrammes</a:t>
            </a:r>
            <a:endParaRPr lang="fr-FR" sz="20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B_00000000000000000000000000000000_TimescaleInterval1">
            <a:extLst>
              <a:ext uri="{FF2B5EF4-FFF2-40B4-BE49-F238E27FC236}">
                <a16:creationId xmlns:a16="http://schemas.microsoft.com/office/drawing/2014/main" id="{C0B124C2-A7F3-4D4D-B079-978502D0491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549810" y="234228"/>
            <a:ext cx="1299310" cy="62638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Interface 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Homme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/machine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B_00000000000000000000000000000000_TimescaleInterval1">
            <a:extLst>
              <a:ext uri="{FF2B5EF4-FFF2-40B4-BE49-F238E27FC236}">
                <a16:creationId xmlns:a16="http://schemas.microsoft.com/office/drawing/2014/main" id="{1ADBF6AB-3E91-4905-A662-4F4D0AD9CAB9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157633" y="234228"/>
            <a:ext cx="1363728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>
                <a:solidFill>
                  <a:schemeClr val="bg1"/>
                </a:solidFill>
                <a:latin typeface="Calibri" panose="020F0502020204030204" pitchFamily="34" charset="0"/>
              </a:rPr>
              <a:t>Financement</a:t>
            </a:r>
            <a:endParaRPr lang="en-US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558331" y="219377"/>
            <a:ext cx="1931555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nclusion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62" name="OTLSHAPE_TB_00000000000000000000000000000000_Separator1">
            <a:extLst>
              <a:ext uri="{FF2B5EF4-FFF2-40B4-BE49-F238E27FC236}">
                <a16:creationId xmlns:a16="http://schemas.microsoft.com/office/drawing/2014/main" id="{77A8979F-326B-4DEC-B7E4-11362364358C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4207811" y="21683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B_00000000000000000000000000000000_Separator1">
            <a:extLst>
              <a:ext uri="{FF2B5EF4-FFF2-40B4-BE49-F238E27FC236}">
                <a16:creationId xmlns:a16="http://schemas.microsoft.com/office/drawing/2014/main" id="{94E81477-8E94-4F32-ACEA-0AF7F691236B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 flipH="1">
            <a:off x="5525799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B_00000000000000000000000000000000_Separator1">
            <a:extLst>
              <a:ext uri="{FF2B5EF4-FFF2-40B4-BE49-F238E27FC236}">
                <a16:creationId xmlns:a16="http://schemas.microsoft.com/office/drawing/2014/main" id="{D0450FB1-1161-405F-B4AD-EDA0A1512DCE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H="1">
            <a:off x="815763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Separator1">
            <a:extLst>
              <a:ext uri="{FF2B5EF4-FFF2-40B4-BE49-F238E27FC236}">
                <a16:creationId xmlns:a16="http://schemas.microsoft.com/office/drawing/2014/main" id="{F0D40541-9FCF-4740-915D-ED488454EFCD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954779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Separator1">
            <a:extLst>
              <a:ext uri="{FF2B5EF4-FFF2-40B4-BE49-F238E27FC236}">
                <a16:creationId xmlns:a16="http://schemas.microsoft.com/office/drawing/2014/main" id="{6F59878B-0E43-4483-BB5F-C555F647438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>
            <a:off x="6871339" y="217320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1">
            <a:extLst>
              <a:ext uri="{FF2B5EF4-FFF2-40B4-BE49-F238E27FC236}">
                <a16:creationId xmlns:a16="http://schemas.microsoft.com/office/drawing/2014/main" id="{A0A2E750-5904-4570-B024-C6FEDDC42C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882791" y="227099"/>
            <a:ext cx="1269580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aratif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pic>
        <p:nvPicPr>
          <p:cNvPr id="35" name="Image 34" descr="logo retouché.png"/>
          <p:cNvPicPr>
            <a:picLocks noChangeAspect="1"/>
          </p:cNvPicPr>
          <p:nvPr/>
        </p:nvPicPr>
        <p:blipFill rotWithShape="1">
          <a:blip r:embed="rId17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-1073636" y="-428939"/>
            <a:ext cx="3813280" cy="1416458"/>
          </a:xfrm>
          <a:prstGeom prst="rect">
            <a:avLst/>
          </a:prstGeom>
        </p:spPr>
      </p:pic>
      <p:sp>
        <p:nvSpPr>
          <p:cNvPr id="2" name="ZoneTexte 1"/>
          <p:cNvSpPr txBox="1"/>
          <p:nvPr/>
        </p:nvSpPr>
        <p:spPr>
          <a:xfrm>
            <a:off x="0" y="1635835"/>
            <a:ext cx="12192000" cy="51706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r-FR" sz="2200" dirty="0" smtClean="0"/>
          </a:p>
          <a:p>
            <a:pPr marL="285750" indent="-285750">
              <a:buFont typeface="Wingdings" panose="05000000000000000000" pitchFamily="2" charset="2"/>
              <a:buChar char="q"/>
            </a:pPr>
            <a:endParaRPr lang="fr-FR" sz="2200" dirty="0"/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fr-FR" sz="2200" dirty="0" smtClean="0"/>
              <a:t>Permet la gestion des interventions chirurgicales sur les patients par l’infirmière responsable du service </a:t>
            </a:r>
            <a:r>
              <a:rPr lang="fr-FR" sz="2300" dirty="0" smtClean="0"/>
              <a:t>;</a:t>
            </a:r>
          </a:p>
          <a:p>
            <a:endParaRPr lang="fr-FR" sz="2200" dirty="0" smtClean="0"/>
          </a:p>
          <a:p>
            <a:endParaRPr lang="fr-FR" sz="2200" dirty="0" smtClean="0"/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fr-FR" sz="2200" dirty="0" smtClean="0"/>
              <a:t>Savoir en temps réel où se trouve le patient et l’état d’avancement de l’intervention, pour gérer au mieux l’utilisation du matériel et du personnel ; </a:t>
            </a:r>
          </a:p>
          <a:p>
            <a:endParaRPr lang="fr-FR" sz="2200" dirty="0" smtClean="0"/>
          </a:p>
          <a:p>
            <a:pPr marL="285750" indent="-285750">
              <a:buFont typeface="Wingdings" panose="05000000000000000000" pitchFamily="2" charset="2"/>
              <a:buChar char="q"/>
            </a:pPr>
            <a:endParaRPr lang="fr-FR" sz="2200" dirty="0" smtClean="0"/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fr-FR" sz="2200" dirty="0" smtClean="0"/>
              <a:t>Chaque salle est équipée d’un ordinateur de type micro PC permettant de valider l’arrivée et le départ du patient de celle-ci ;</a:t>
            </a:r>
          </a:p>
          <a:p>
            <a:endParaRPr lang="fr-FR" sz="2200" dirty="0" smtClean="0"/>
          </a:p>
          <a:p>
            <a:pPr marL="285750" indent="-285750">
              <a:buFont typeface="Wingdings" panose="05000000000000000000" pitchFamily="2" charset="2"/>
              <a:buChar char="q"/>
            </a:pPr>
            <a:endParaRPr lang="fr-FR" sz="2200" dirty="0" smtClean="0"/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fr-FR" sz="2200" dirty="0" smtClean="0"/>
              <a:t>Un système d’identification des patients utilisé pour les reconnaitre durant leur séjour dans l’hôpital. </a:t>
            </a:r>
            <a:endParaRPr lang="fr-FR" sz="2200" dirty="0"/>
          </a:p>
        </p:txBody>
      </p:sp>
      <p:sp>
        <p:nvSpPr>
          <p:cNvPr id="4" name="ZoneTexte 3"/>
          <p:cNvSpPr txBox="1"/>
          <p:nvPr/>
        </p:nvSpPr>
        <p:spPr>
          <a:xfrm>
            <a:off x="0" y="3304148"/>
            <a:ext cx="12192000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600" dirty="0"/>
              <a:t>Le système doit permettre aux professionnels de santé de gérer le suivi complet d’un acte effectué sur un patient. Il est applicable à différents services à l’intérieur de l’hôpital.</a:t>
            </a:r>
          </a:p>
          <a:p>
            <a:endParaRPr lang="fr-FR" sz="2600" dirty="0"/>
          </a:p>
        </p:txBody>
      </p:sp>
    </p:spTree>
    <p:extLst>
      <p:ext uri="{BB962C8B-B14F-4D97-AF65-F5344CB8AC3E}">
        <p14:creationId xmlns:p14="http://schemas.microsoft.com/office/powerpoint/2010/main" val="19784128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67000" decel="33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4.07407E-6 L -0.00078 -0.32176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39" y="-16088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2000"/>
                            </p:stCondLst>
                            <p:childTnLst>
                              <p:par>
                                <p:cTn id="8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OTLSHAPE_TB_00000000000000000000000000000000_ScaleContainer">
            <a:extLst>
              <a:ext uri="{FF2B5EF4-FFF2-40B4-BE49-F238E27FC236}">
                <a16:creationId xmlns:a16="http://schemas.microsoft.com/office/drawing/2014/main" id="{DEA51A14-EF6A-4FEF-B0C4-6305B62CCF1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1967" y="219970"/>
            <a:ext cx="11692590" cy="711503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2" name="Triangle isocèle 51">
            <a:extLst>
              <a:ext uri="{FF2B5EF4-FFF2-40B4-BE49-F238E27FC236}">
                <a16:creationId xmlns:a16="http://schemas.microsoft.com/office/drawing/2014/main" id="{3823B7A2-84AA-4AEC-9232-A06C42523044}"/>
              </a:ext>
            </a:extLst>
          </p:cNvPr>
          <p:cNvSpPr/>
          <p:nvPr/>
        </p:nvSpPr>
        <p:spPr>
          <a:xfrm rot="5400000">
            <a:off x="11274470" y="253971"/>
            <a:ext cx="1060174" cy="62934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53" name="OTLSHAPE_TB_00000000000000000000000000000000_Separator1">
            <a:extLst>
              <a:ext uri="{FF2B5EF4-FFF2-40B4-BE49-F238E27FC236}">
                <a16:creationId xmlns:a16="http://schemas.microsoft.com/office/drawing/2014/main" id="{7F4EEE01-C7A2-43E9-BA4E-7AD157827618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1475701" y="219971"/>
            <a:ext cx="4" cy="711501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Separator1">
            <a:extLst>
              <a:ext uri="{FF2B5EF4-FFF2-40B4-BE49-F238E27FC236}">
                <a16:creationId xmlns:a16="http://schemas.microsoft.com/office/drawing/2014/main" id="{75AA0284-6AB4-4995-A78D-F3CAFA8CE1CB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2834149" y="215859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5" name="OTLSHAPE_TB_00000000000000000000000000000000_TimescaleInterval1">
            <a:extLst>
              <a:ext uri="{FF2B5EF4-FFF2-40B4-BE49-F238E27FC236}">
                <a16:creationId xmlns:a16="http://schemas.microsoft.com/office/drawing/2014/main" id="{37894D57-B791-4C4D-B30B-A67FF7737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68399" y="219377"/>
            <a:ext cx="1359331" cy="711501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Présentation</a:t>
            </a:r>
            <a:endParaRPr lang="fr-FR" sz="1700" b="1" spc="-1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TimescaleInterval1">
            <a:extLst>
              <a:ext uri="{FF2B5EF4-FFF2-40B4-BE49-F238E27FC236}">
                <a16:creationId xmlns:a16="http://schemas.microsoft.com/office/drawing/2014/main" id="{BD03E107-599B-4041-B718-49C03238F1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54162" y="215858"/>
            <a:ext cx="1349265" cy="718627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dirty="0" smtClean="0">
                <a:solidFill>
                  <a:schemeClr val="bg1"/>
                </a:solidFill>
              </a:rPr>
              <a:t>Echéancier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TimescaleInterval1">
            <a:extLst>
              <a:ext uri="{FF2B5EF4-FFF2-40B4-BE49-F238E27FC236}">
                <a16:creationId xmlns:a16="http://schemas.microsoft.com/office/drawing/2014/main" id="{103A3BCC-7D62-4D9A-AB2E-36EE31CEE7D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4308" y="215266"/>
            <a:ext cx="1291831" cy="715611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Diagrammes</a:t>
            </a:r>
            <a:endParaRPr lang="fr-FR" sz="20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B_00000000000000000000000000000000_TimescaleInterval1">
            <a:extLst>
              <a:ext uri="{FF2B5EF4-FFF2-40B4-BE49-F238E27FC236}">
                <a16:creationId xmlns:a16="http://schemas.microsoft.com/office/drawing/2014/main" id="{C0B124C2-A7F3-4D4D-B079-978502D0491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549810" y="234228"/>
            <a:ext cx="1299310" cy="62638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Interface 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Homme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/machine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B_00000000000000000000000000000000_TimescaleInterval1">
            <a:extLst>
              <a:ext uri="{FF2B5EF4-FFF2-40B4-BE49-F238E27FC236}">
                <a16:creationId xmlns:a16="http://schemas.microsoft.com/office/drawing/2014/main" id="{1ADBF6AB-3E91-4905-A662-4F4D0AD9CAB9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157633" y="234228"/>
            <a:ext cx="1363728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>
                <a:solidFill>
                  <a:schemeClr val="bg1"/>
                </a:solidFill>
                <a:latin typeface="Calibri" panose="020F0502020204030204" pitchFamily="34" charset="0"/>
              </a:rPr>
              <a:t>Financement</a:t>
            </a:r>
            <a:endParaRPr lang="en-US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558331" y="219377"/>
            <a:ext cx="1931555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nclusion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62" name="OTLSHAPE_TB_00000000000000000000000000000000_Separator1">
            <a:extLst>
              <a:ext uri="{FF2B5EF4-FFF2-40B4-BE49-F238E27FC236}">
                <a16:creationId xmlns:a16="http://schemas.microsoft.com/office/drawing/2014/main" id="{77A8979F-326B-4DEC-B7E4-11362364358C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4207811" y="21683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B_00000000000000000000000000000000_Separator1">
            <a:extLst>
              <a:ext uri="{FF2B5EF4-FFF2-40B4-BE49-F238E27FC236}">
                <a16:creationId xmlns:a16="http://schemas.microsoft.com/office/drawing/2014/main" id="{94E81477-8E94-4F32-ACEA-0AF7F691236B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 flipH="1">
            <a:off x="5525799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B_00000000000000000000000000000000_Separator1">
            <a:extLst>
              <a:ext uri="{FF2B5EF4-FFF2-40B4-BE49-F238E27FC236}">
                <a16:creationId xmlns:a16="http://schemas.microsoft.com/office/drawing/2014/main" id="{D0450FB1-1161-405F-B4AD-EDA0A1512DCE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H="1">
            <a:off x="815763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Separator1">
            <a:extLst>
              <a:ext uri="{FF2B5EF4-FFF2-40B4-BE49-F238E27FC236}">
                <a16:creationId xmlns:a16="http://schemas.microsoft.com/office/drawing/2014/main" id="{F0D40541-9FCF-4740-915D-ED488454EFCD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954779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Separator1">
            <a:extLst>
              <a:ext uri="{FF2B5EF4-FFF2-40B4-BE49-F238E27FC236}">
                <a16:creationId xmlns:a16="http://schemas.microsoft.com/office/drawing/2014/main" id="{6F59878B-0E43-4483-BB5F-C555F647438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>
            <a:off x="6871339" y="217320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1">
            <a:extLst>
              <a:ext uri="{FF2B5EF4-FFF2-40B4-BE49-F238E27FC236}">
                <a16:creationId xmlns:a16="http://schemas.microsoft.com/office/drawing/2014/main" id="{A0A2E750-5904-4570-B024-C6FEDDC42C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882791" y="227099"/>
            <a:ext cx="1269580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aratif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pic>
        <p:nvPicPr>
          <p:cNvPr id="35" name="Image 34" descr="logo retouché.png"/>
          <p:cNvPicPr>
            <a:picLocks noChangeAspect="1"/>
          </p:cNvPicPr>
          <p:nvPr/>
        </p:nvPicPr>
        <p:blipFill rotWithShape="1">
          <a:blip r:embed="rId17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-1073636" y="-428939"/>
            <a:ext cx="3813280" cy="1416458"/>
          </a:xfrm>
          <a:prstGeom prst="rect">
            <a:avLst/>
          </a:prstGeom>
        </p:spPr>
      </p:pic>
      <p:pic>
        <p:nvPicPr>
          <p:cNvPr id="21" name="Espace réservé du contenu 3"/>
          <p:cNvPicPr>
            <a:picLocks noGrp="1" noChangeAspect="1"/>
          </p:cNvPicPr>
          <p:nvPr>
            <p:ph idx="1"/>
          </p:nvPr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278" y="2173209"/>
            <a:ext cx="3884193" cy="2589462"/>
          </a:xfrm>
        </p:spPr>
      </p:pic>
      <p:pic>
        <p:nvPicPr>
          <p:cNvPr id="22" name="Image 21"/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67668" y="2173207"/>
            <a:ext cx="4589157" cy="2589464"/>
          </a:xfrm>
          <a:prstGeom prst="rect">
            <a:avLst/>
          </a:prstGeom>
        </p:spPr>
      </p:pic>
      <p:sp>
        <p:nvSpPr>
          <p:cNvPr id="23" name="Sous-titre 2"/>
          <p:cNvSpPr txBox="1">
            <a:spLocks/>
          </p:cNvSpPr>
          <p:nvPr/>
        </p:nvSpPr>
        <p:spPr>
          <a:xfrm>
            <a:off x="714213" y="4935538"/>
            <a:ext cx="3581126" cy="46121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Wingdings" panose="05000000000000000000" pitchFamily="2" charset="2"/>
              <a:buChar char="q"/>
            </a:pPr>
            <a:r>
              <a:rPr lang="fr-FR" sz="2400" dirty="0" smtClean="0"/>
              <a:t>Personnel administratif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fr-FR" sz="2400" dirty="0" smtClean="0"/>
              <a:t>Patient </a:t>
            </a:r>
            <a:endParaRPr lang="fr-FR" sz="2400" dirty="0"/>
          </a:p>
        </p:txBody>
      </p:sp>
      <p:sp>
        <p:nvSpPr>
          <p:cNvPr id="24" name="Sous-titre 2"/>
          <p:cNvSpPr txBox="1">
            <a:spLocks/>
          </p:cNvSpPr>
          <p:nvPr/>
        </p:nvSpPr>
        <p:spPr>
          <a:xfrm>
            <a:off x="7134255" y="5079471"/>
            <a:ext cx="3095788" cy="1372129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Wingdings" panose="05000000000000000000" pitchFamily="2" charset="2"/>
              <a:buChar char="q"/>
            </a:pPr>
            <a:r>
              <a:rPr lang="fr-FR" sz="2400" dirty="0"/>
              <a:t>Infirmier en </a:t>
            </a:r>
            <a:r>
              <a:rPr lang="fr-FR" sz="2400" dirty="0" smtClean="0"/>
              <a:t>chef</a:t>
            </a:r>
            <a:endParaRPr lang="fr-FR" sz="2400" dirty="0" smtClean="0"/>
          </a:p>
          <a:p>
            <a:pPr>
              <a:buFont typeface="Wingdings" panose="05000000000000000000" pitchFamily="2" charset="2"/>
              <a:buChar char="q"/>
            </a:pPr>
            <a:r>
              <a:rPr lang="fr-FR" sz="2400" dirty="0" smtClean="0"/>
              <a:t>Personnel </a:t>
            </a:r>
            <a:r>
              <a:rPr lang="fr-FR" sz="2400" dirty="0" smtClean="0"/>
              <a:t>hospitalier</a:t>
            </a:r>
          </a:p>
          <a:p>
            <a:pPr>
              <a:buFont typeface="Wingdings" panose="05000000000000000000" pitchFamily="2" charset="2"/>
              <a:buChar char="q"/>
            </a:pPr>
            <a:endParaRPr lang="fr-FR" sz="2400" dirty="0"/>
          </a:p>
        </p:txBody>
      </p:sp>
      <p:sp>
        <p:nvSpPr>
          <p:cNvPr id="3" name="ZoneTexte 2"/>
          <p:cNvSpPr txBox="1"/>
          <p:nvPr/>
        </p:nvSpPr>
        <p:spPr>
          <a:xfrm>
            <a:off x="3370729" y="1246094"/>
            <a:ext cx="52174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800" b="1" u="sng" dirty="0" smtClean="0"/>
              <a:t>Acteurs présents dans le système</a:t>
            </a:r>
            <a:endParaRPr lang="fr-FR" sz="2800" b="1" u="sng" dirty="0"/>
          </a:p>
        </p:txBody>
      </p:sp>
    </p:spTree>
    <p:extLst>
      <p:ext uri="{BB962C8B-B14F-4D97-AF65-F5344CB8AC3E}">
        <p14:creationId xmlns:p14="http://schemas.microsoft.com/office/powerpoint/2010/main" val="40074614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Image 23"/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1402622" y="967112"/>
            <a:ext cx="9103002" cy="5890887"/>
          </a:xfrm>
          <a:prstGeom prst="rect">
            <a:avLst/>
          </a:prstGeom>
        </p:spPr>
      </p:pic>
      <p:pic>
        <p:nvPicPr>
          <p:cNvPr id="5" name="Image 4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38401" y="3560798"/>
            <a:ext cx="2506314" cy="2062457"/>
          </a:xfrm>
          <a:prstGeom prst="rect">
            <a:avLst/>
          </a:prstGeom>
        </p:spPr>
      </p:pic>
      <p:pic>
        <p:nvPicPr>
          <p:cNvPr id="26" name="Image 25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54137" y="4805082"/>
            <a:ext cx="2571015" cy="1868402"/>
          </a:xfrm>
          <a:prstGeom prst="rect">
            <a:avLst/>
          </a:prstGeom>
        </p:spPr>
      </p:pic>
      <p:pic>
        <p:nvPicPr>
          <p:cNvPr id="27" name="Image 26"/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0654950">
            <a:off x="2275382" y="4016871"/>
            <a:ext cx="653326" cy="410387"/>
          </a:xfrm>
          <a:prstGeom prst="rect">
            <a:avLst/>
          </a:prstGeom>
        </p:spPr>
      </p:pic>
      <p:pic>
        <p:nvPicPr>
          <p:cNvPr id="28" name="Image 27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54381" y="3560798"/>
            <a:ext cx="4333571" cy="3301971"/>
          </a:xfrm>
          <a:prstGeom prst="rect">
            <a:avLst/>
          </a:prstGeom>
        </p:spPr>
      </p:pic>
      <p:pic>
        <p:nvPicPr>
          <p:cNvPr id="29" name="Image 28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83977" y="987519"/>
            <a:ext cx="2745055" cy="2349406"/>
          </a:xfrm>
          <a:prstGeom prst="rect">
            <a:avLst/>
          </a:prstGeom>
        </p:spPr>
      </p:pic>
      <p:pic>
        <p:nvPicPr>
          <p:cNvPr id="30" name="Image 29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38401" y="3173506"/>
            <a:ext cx="834297" cy="342468"/>
          </a:xfrm>
          <a:prstGeom prst="rect">
            <a:avLst/>
          </a:prstGeom>
        </p:spPr>
      </p:pic>
      <p:pic>
        <p:nvPicPr>
          <p:cNvPr id="31" name="Image 30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58332" y="987519"/>
            <a:ext cx="899354" cy="2349406"/>
          </a:xfrm>
          <a:prstGeom prst="rect">
            <a:avLst/>
          </a:prstGeom>
        </p:spPr>
      </p:pic>
      <p:pic>
        <p:nvPicPr>
          <p:cNvPr id="32" name="Image 31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4715" y="3560798"/>
            <a:ext cx="1904405" cy="3280585"/>
          </a:xfrm>
          <a:prstGeom prst="rect">
            <a:avLst/>
          </a:prstGeom>
        </p:spPr>
      </p:pic>
      <p:pic>
        <p:nvPicPr>
          <p:cNvPr id="33" name="Image 32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29032" y="981067"/>
            <a:ext cx="5029299" cy="2355858"/>
          </a:xfrm>
          <a:prstGeom prst="rect">
            <a:avLst/>
          </a:prstGeom>
        </p:spPr>
      </p:pic>
      <p:sp>
        <p:nvSpPr>
          <p:cNvPr id="51" name="OTLSHAPE_TB_00000000000000000000000000000000_ScaleContainer">
            <a:extLst>
              <a:ext uri="{FF2B5EF4-FFF2-40B4-BE49-F238E27FC236}">
                <a16:creationId xmlns:a16="http://schemas.microsoft.com/office/drawing/2014/main" id="{DEA51A14-EF6A-4FEF-B0C4-6305B62CCF1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1967" y="219970"/>
            <a:ext cx="11692590" cy="711503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2" name="Triangle isocèle 51">
            <a:extLst>
              <a:ext uri="{FF2B5EF4-FFF2-40B4-BE49-F238E27FC236}">
                <a16:creationId xmlns:a16="http://schemas.microsoft.com/office/drawing/2014/main" id="{3823B7A2-84AA-4AEC-9232-A06C42523044}"/>
              </a:ext>
            </a:extLst>
          </p:cNvPr>
          <p:cNvSpPr/>
          <p:nvPr/>
        </p:nvSpPr>
        <p:spPr>
          <a:xfrm rot="5400000">
            <a:off x="11274470" y="253971"/>
            <a:ext cx="1060174" cy="62934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53" name="OTLSHAPE_TB_00000000000000000000000000000000_Separator1">
            <a:extLst>
              <a:ext uri="{FF2B5EF4-FFF2-40B4-BE49-F238E27FC236}">
                <a16:creationId xmlns:a16="http://schemas.microsoft.com/office/drawing/2014/main" id="{7F4EEE01-C7A2-43E9-BA4E-7AD157827618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1475701" y="219971"/>
            <a:ext cx="4" cy="711501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Separator1">
            <a:extLst>
              <a:ext uri="{FF2B5EF4-FFF2-40B4-BE49-F238E27FC236}">
                <a16:creationId xmlns:a16="http://schemas.microsoft.com/office/drawing/2014/main" id="{75AA0284-6AB4-4995-A78D-F3CAFA8CE1CB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2834149" y="215859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5" name="OTLSHAPE_TB_00000000000000000000000000000000_TimescaleInterval1">
            <a:extLst>
              <a:ext uri="{FF2B5EF4-FFF2-40B4-BE49-F238E27FC236}">
                <a16:creationId xmlns:a16="http://schemas.microsoft.com/office/drawing/2014/main" id="{37894D57-B791-4C4D-B30B-A67FF7737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68399" y="219377"/>
            <a:ext cx="1359331" cy="711501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Présentation</a:t>
            </a:r>
            <a:endParaRPr lang="fr-FR" sz="1700" b="1" spc="-1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TimescaleInterval1">
            <a:extLst>
              <a:ext uri="{FF2B5EF4-FFF2-40B4-BE49-F238E27FC236}">
                <a16:creationId xmlns:a16="http://schemas.microsoft.com/office/drawing/2014/main" id="{BD03E107-599B-4041-B718-49C03238F1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54162" y="215858"/>
            <a:ext cx="1349265" cy="718627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dirty="0" smtClean="0">
                <a:solidFill>
                  <a:schemeClr val="bg1"/>
                </a:solidFill>
              </a:rPr>
              <a:t>Echéancier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TimescaleInterval1">
            <a:extLst>
              <a:ext uri="{FF2B5EF4-FFF2-40B4-BE49-F238E27FC236}">
                <a16:creationId xmlns:a16="http://schemas.microsoft.com/office/drawing/2014/main" id="{103A3BCC-7D62-4D9A-AB2E-36EE31CEE7D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4308" y="215266"/>
            <a:ext cx="1291831" cy="715611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Diagrammes</a:t>
            </a:r>
            <a:endParaRPr lang="fr-FR" sz="20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B_00000000000000000000000000000000_TimescaleInterval1">
            <a:extLst>
              <a:ext uri="{FF2B5EF4-FFF2-40B4-BE49-F238E27FC236}">
                <a16:creationId xmlns:a16="http://schemas.microsoft.com/office/drawing/2014/main" id="{C0B124C2-A7F3-4D4D-B079-978502D0491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549810" y="234228"/>
            <a:ext cx="1299310" cy="62638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Interface 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Homme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/machine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B_00000000000000000000000000000000_TimescaleInterval1">
            <a:extLst>
              <a:ext uri="{FF2B5EF4-FFF2-40B4-BE49-F238E27FC236}">
                <a16:creationId xmlns:a16="http://schemas.microsoft.com/office/drawing/2014/main" id="{1ADBF6AB-3E91-4905-A662-4F4D0AD9CAB9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157633" y="234228"/>
            <a:ext cx="1363728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>
                <a:solidFill>
                  <a:schemeClr val="bg1"/>
                </a:solidFill>
                <a:latin typeface="Calibri" panose="020F0502020204030204" pitchFamily="34" charset="0"/>
              </a:rPr>
              <a:t>Financement</a:t>
            </a:r>
            <a:endParaRPr lang="en-US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558331" y="219377"/>
            <a:ext cx="1931555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nclusion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62" name="OTLSHAPE_TB_00000000000000000000000000000000_Separator1">
            <a:extLst>
              <a:ext uri="{FF2B5EF4-FFF2-40B4-BE49-F238E27FC236}">
                <a16:creationId xmlns:a16="http://schemas.microsoft.com/office/drawing/2014/main" id="{77A8979F-326B-4DEC-B7E4-11362364358C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4207811" y="21683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B_00000000000000000000000000000000_Separator1">
            <a:extLst>
              <a:ext uri="{FF2B5EF4-FFF2-40B4-BE49-F238E27FC236}">
                <a16:creationId xmlns:a16="http://schemas.microsoft.com/office/drawing/2014/main" id="{94E81477-8E94-4F32-ACEA-0AF7F691236B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 flipH="1">
            <a:off x="5525799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B_00000000000000000000000000000000_Separator1">
            <a:extLst>
              <a:ext uri="{FF2B5EF4-FFF2-40B4-BE49-F238E27FC236}">
                <a16:creationId xmlns:a16="http://schemas.microsoft.com/office/drawing/2014/main" id="{D0450FB1-1161-405F-B4AD-EDA0A1512DCE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H="1">
            <a:off x="815763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Separator1">
            <a:extLst>
              <a:ext uri="{FF2B5EF4-FFF2-40B4-BE49-F238E27FC236}">
                <a16:creationId xmlns:a16="http://schemas.microsoft.com/office/drawing/2014/main" id="{F0D40541-9FCF-4740-915D-ED488454EFCD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954779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Separator1">
            <a:extLst>
              <a:ext uri="{FF2B5EF4-FFF2-40B4-BE49-F238E27FC236}">
                <a16:creationId xmlns:a16="http://schemas.microsoft.com/office/drawing/2014/main" id="{6F59878B-0E43-4483-BB5F-C555F647438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>
            <a:off x="6871339" y="217320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1">
            <a:extLst>
              <a:ext uri="{FF2B5EF4-FFF2-40B4-BE49-F238E27FC236}">
                <a16:creationId xmlns:a16="http://schemas.microsoft.com/office/drawing/2014/main" id="{A0A2E750-5904-4570-B024-C6FEDDC42C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882791" y="227099"/>
            <a:ext cx="1269580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aratif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pic>
        <p:nvPicPr>
          <p:cNvPr id="35" name="Image 34" descr="logo retouché.png"/>
          <p:cNvPicPr>
            <a:picLocks noChangeAspect="1"/>
          </p:cNvPicPr>
          <p:nvPr/>
        </p:nvPicPr>
        <p:blipFill rotWithShape="1">
          <a:blip r:embed="rId20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-1073636" y="-428939"/>
            <a:ext cx="3813280" cy="14164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04598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Image 20"/>
          <p:cNvPicPr>
            <a:picLocks noChangeAspect="1"/>
          </p:cNvPicPr>
          <p:nvPr/>
        </p:nvPicPr>
        <p:blipFill rotWithShape="1">
          <a:blip r:embed="rId17"/>
          <a:srcRect r="63968"/>
          <a:stretch/>
        </p:blipFill>
        <p:spPr>
          <a:xfrm>
            <a:off x="0" y="1029479"/>
            <a:ext cx="7189694" cy="5828522"/>
          </a:xfrm>
          <a:prstGeom prst="rect">
            <a:avLst/>
          </a:prstGeom>
        </p:spPr>
      </p:pic>
      <p:sp>
        <p:nvSpPr>
          <p:cNvPr id="24" name="OTLSHAPE_TB_00000000000000000000000000000000_ScaleContainer">
            <a:extLst>
              <a:ext uri="{FF2B5EF4-FFF2-40B4-BE49-F238E27FC236}">
                <a16:creationId xmlns:a16="http://schemas.microsoft.com/office/drawing/2014/main" id="{DEA51A14-EF6A-4FEF-B0C4-6305B62CCF1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1967" y="219970"/>
            <a:ext cx="11692590" cy="711503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" name="Triangle isocèle 24">
            <a:extLst>
              <a:ext uri="{FF2B5EF4-FFF2-40B4-BE49-F238E27FC236}">
                <a16:creationId xmlns:a16="http://schemas.microsoft.com/office/drawing/2014/main" id="{3823B7A2-84AA-4AEC-9232-A06C42523044}"/>
              </a:ext>
            </a:extLst>
          </p:cNvPr>
          <p:cNvSpPr/>
          <p:nvPr/>
        </p:nvSpPr>
        <p:spPr>
          <a:xfrm rot="5400000">
            <a:off x="11274470" y="253971"/>
            <a:ext cx="1060174" cy="62934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6" name="OTLSHAPE_TB_00000000000000000000000000000000_Separator1">
            <a:extLst>
              <a:ext uri="{FF2B5EF4-FFF2-40B4-BE49-F238E27FC236}">
                <a16:creationId xmlns:a16="http://schemas.microsoft.com/office/drawing/2014/main" id="{7F4EEE01-C7A2-43E9-BA4E-7AD157827618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1475701" y="219971"/>
            <a:ext cx="4" cy="711501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">
            <a:extLst>
              <a:ext uri="{FF2B5EF4-FFF2-40B4-BE49-F238E27FC236}">
                <a16:creationId xmlns:a16="http://schemas.microsoft.com/office/drawing/2014/main" id="{75AA0284-6AB4-4995-A78D-F3CAFA8CE1CB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2834149" y="215859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">
            <a:extLst>
              <a:ext uri="{FF2B5EF4-FFF2-40B4-BE49-F238E27FC236}">
                <a16:creationId xmlns:a16="http://schemas.microsoft.com/office/drawing/2014/main" id="{37894D57-B791-4C4D-B30B-A67FF7737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68399" y="219377"/>
            <a:ext cx="1359331" cy="711501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Présentation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B_00000000000000000000000000000000_TimescaleInterval1">
            <a:extLst>
              <a:ext uri="{FF2B5EF4-FFF2-40B4-BE49-F238E27FC236}">
                <a16:creationId xmlns:a16="http://schemas.microsoft.com/office/drawing/2014/main" id="{BD03E107-599B-4041-B718-49C03238F1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54162" y="215858"/>
            <a:ext cx="1349265" cy="718627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b="1" dirty="0" smtClean="0">
                <a:solidFill>
                  <a:srgbClr val="FF0000"/>
                </a:solidFill>
              </a:rPr>
              <a:t>Echéancier</a:t>
            </a:r>
            <a:endParaRPr lang="fr-FR" b="1" spc="-1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B_00000000000000000000000000000000_TimescaleInterval1">
            <a:extLst>
              <a:ext uri="{FF2B5EF4-FFF2-40B4-BE49-F238E27FC236}">
                <a16:creationId xmlns:a16="http://schemas.microsoft.com/office/drawing/2014/main" id="{103A3BCC-7D62-4D9A-AB2E-36EE31CEE7D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4308" y="215266"/>
            <a:ext cx="1291831" cy="715611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Diagrammes</a:t>
            </a:r>
            <a:endParaRPr lang="fr-FR" sz="20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TimescaleInterval1">
            <a:extLst>
              <a:ext uri="{FF2B5EF4-FFF2-40B4-BE49-F238E27FC236}">
                <a16:creationId xmlns:a16="http://schemas.microsoft.com/office/drawing/2014/main" id="{C0B124C2-A7F3-4D4D-B079-978502D0491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549810" y="234228"/>
            <a:ext cx="1299310" cy="62638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Interface 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Homme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/machine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B_00000000000000000000000000000000_TimescaleInterval1">
            <a:extLst>
              <a:ext uri="{FF2B5EF4-FFF2-40B4-BE49-F238E27FC236}">
                <a16:creationId xmlns:a16="http://schemas.microsoft.com/office/drawing/2014/main" id="{1ADBF6AB-3E91-4905-A662-4F4D0AD9CAB9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157633" y="234228"/>
            <a:ext cx="1363728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>
                <a:solidFill>
                  <a:schemeClr val="bg1"/>
                </a:solidFill>
                <a:latin typeface="Calibri" panose="020F0502020204030204" pitchFamily="34" charset="0"/>
              </a:rPr>
              <a:t>Financement</a:t>
            </a:r>
            <a:endParaRPr lang="en-US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558331" y="219377"/>
            <a:ext cx="1931555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nclusion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35" name="OTLSHAPE_TB_00000000000000000000000000000000_Separator1">
            <a:extLst>
              <a:ext uri="{FF2B5EF4-FFF2-40B4-BE49-F238E27FC236}">
                <a16:creationId xmlns:a16="http://schemas.microsoft.com/office/drawing/2014/main" id="{77A8979F-326B-4DEC-B7E4-11362364358C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4207811" y="21683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1">
            <a:extLst>
              <a:ext uri="{FF2B5EF4-FFF2-40B4-BE49-F238E27FC236}">
                <a16:creationId xmlns:a16="http://schemas.microsoft.com/office/drawing/2014/main" id="{94E81477-8E94-4F32-ACEA-0AF7F691236B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 flipH="1">
            <a:off x="5525799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1">
            <a:extLst>
              <a:ext uri="{FF2B5EF4-FFF2-40B4-BE49-F238E27FC236}">
                <a16:creationId xmlns:a16="http://schemas.microsoft.com/office/drawing/2014/main" id="{D0450FB1-1161-405F-B4AD-EDA0A1512DCE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H="1">
            <a:off x="815763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1">
            <a:extLst>
              <a:ext uri="{FF2B5EF4-FFF2-40B4-BE49-F238E27FC236}">
                <a16:creationId xmlns:a16="http://schemas.microsoft.com/office/drawing/2014/main" id="{F0D40541-9FCF-4740-915D-ED488454EFCD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954779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6F59878B-0E43-4483-BB5F-C555F647438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>
            <a:off x="6871339" y="217320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1">
            <a:extLst>
              <a:ext uri="{FF2B5EF4-FFF2-40B4-BE49-F238E27FC236}">
                <a16:creationId xmlns:a16="http://schemas.microsoft.com/office/drawing/2014/main" id="{A0A2E750-5904-4570-B024-C6FEDDC42C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882791" y="227099"/>
            <a:ext cx="1269580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aratif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pic>
        <p:nvPicPr>
          <p:cNvPr id="41" name="Image 40" descr="logo retouché.png"/>
          <p:cNvPicPr>
            <a:picLocks noChangeAspect="1"/>
          </p:cNvPicPr>
          <p:nvPr/>
        </p:nvPicPr>
        <p:blipFill rotWithShape="1">
          <a:blip r:embed="rId18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-1073636" y="-428939"/>
            <a:ext cx="3813280" cy="14164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5587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ZoneTexte 23"/>
          <p:cNvSpPr txBox="1"/>
          <p:nvPr/>
        </p:nvSpPr>
        <p:spPr>
          <a:xfrm>
            <a:off x="2412721" y="2321858"/>
            <a:ext cx="709108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3600" b="1" u="sng" dirty="0" smtClean="0"/>
              <a:t>Diagramme de Cas d’Utilisation</a:t>
            </a:r>
            <a:endParaRPr lang="fr-FR" sz="3600" b="1" u="sng" dirty="0"/>
          </a:p>
        </p:txBody>
      </p:sp>
      <p:sp>
        <p:nvSpPr>
          <p:cNvPr id="25" name="ZoneTexte 24"/>
          <p:cNvSpPr txBox="1"/>
          <p:nvPr/>
        </p:nvSpPr>
        <p:spPr>
          <a:xfrm>
            <a:off x="2854162" y="3785715"/>
            <a:ext cx="4419474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u="sng" dirty="0" smtClean="0"/>
              <a:t>Acteurs:</a:t>
            </a:r>
          </a:p>
          <a:p>
            <a:r>
              <a:rPr lang="fr-FR" sz="2800" b="1" dirty="0" smtClean="0"/>
              <a:t>-Patient;</a:t>
            </a:r>
          </a:p>
          <a:p>
            <a:r>
              <a:rPr lang="fr-FR" sz="2800" b="1" dirty="0" smtClean="0"/>
              <a:t>-Administration;</a:t>
            </a:r>
          </a:p>
          <a:p>
            <a:r>
              <a:rPr lang="fr-FR" sz="2800" b="1" dirty="0" smtClean="0"/>
              <a:t>-Infirmier(ère) en chef;</a:t>
            </a:r>
          </a:p>
          <a:p>
            <a:r>
              <a:rPr lang="fr-FR" sz="2800" b="1" dirty="0" smtClean="0"/>
              <a:t>-Personnel hospitalier.</a:t>
            </a:r>
            <a:endParaRPr lang="fr-FR" sz="2800" b="1" dirty="0"/>
          </a:p>
        </p:txBody>
      </p:sp>
      <p:sp>
        <p:nvSpPr>
          <p:cNvPr id="26" name="OTLSHAPE_TB_00000000000000000000000000000000_ScaleContainer">
            <a:extLst>
              <a:ext uri="{FF2B5EF4-FFF2-40B4-BE49-F238E27FC236}">
                <a16:creationId xmlns:a16="http://schemas.microsoft.com/office/drawing/2014/main" id="{DEA51A14-EF6A-4FEF-B0C4-6305B62CCF1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1967" y="219970"/>
            <a:ext cx="11692590" cy="711503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Triangle isocèle 26">
            <a:extLst>
              <a:ext uri="{FF2B5EF4-FFF2-40B4-BE49-F238E27FC236}">
                <a16:creationId xmlns:a16="http://schemas.microsoft.com/office/drawing/2014/main" id="{3823B7A2-84AA-4AEC-9232-A06C42523044}"/>
              </a:ext>
            </a:extLst>
          </p:cNvPr>
          <p:cNvSpPr/>
          <p:nvPr/>
        </p:nvSpPr>
        <p:spPr>
          <a:xfrm rot="5400000">
            <a:off x="11274470" y="253971"/>
            <a:ext cx="1060174" cy="62934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8" name="OTLSHAPE_TB_00000000000000000000000000000000_Separator1">
            <a:extLst>
              <a:ext uri="{FF2B5EF4-FFF2-40B4-BE49-F238E27FC236}">
                <a16:creationId xmlns:a16="http://schemas.microsoft.com/office/drawing/2014/main" id="{7F4EEE01-C7A2-43E9-BA4E-7AD157827618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1475701" y="219971"/>
            <a:ext cx="4" cy="711501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">
            <a:extLst>
              <a:ext uri="{FF2B5EF4-FFF2-40B4-BE49-F238E27FC236}">
                <a16:creationId xmlns:a16="http://schemas.microsoft.com/office/drawing/2014/main" id="{75AA0284-6AB4-4995-A78D-F3CAFA8CE1CB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2834149" y="215859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">
            <a:extLst>
              <a:ext uri="{FF2B5EF4-FFF2-40B4-BE49-F238E27FC236}">
                <a16:creationId xmlns:a16="http://schemas.microsoft.com/office/drawing/2014/main" id="{37894D57-B791-4C4D-B30B-A67FF7737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68399" y="219377"/>
            <a:ext cx="1359331" cy="711501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Présentation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TimescaleInterval1">
            <a:extLst>
              <a:ext uri="{FF2B5EF4-FFF2-40B4-BE49-F238E27FC236}">
                <a16:creationId xmlns:a16="http://schemas.microsoft.com/office/drawing/2014/main" id="{BD03E107-599B-4041-B718-49C03238F1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54162" y="215858"/>
            <a:ext cx="1349265" cy="718627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dirty="0" smtClean="0">
                <a:solidFill>
                  <a:schemeClr val="bg1"/>
                </a:solidFill>
              </a:rPr>
              <a:t>Echéancier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B_00000000000000000000000000000000_TimescaleInterval1">
            <a:extLst>
              <a:ext uri="{FF2B5EF4-FFF2-40B4-BE49-F238E27FC236}">
                <a16:creationId xmlns:a16="http://schemas.microsoft.com/office/drawing/2014/main" id="{103A3BCC-7D62-4D9A-AB2E-36EE31CEE7D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4308" y="215266"/>
            <a:ext cx="1291831" cy="715611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Diagrammes</a:t>
            </a:r>
            <a:endParaRPr lang="fr-FR" sz="2000" b="1" spc="-1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B_00000000000000000000000000000000_TimescaleInterval1">
            <a:extLst>
              <a:ext uri="{FF2B5EF4-FFF2-40B4-BE49-F238E27FC236}">
                <a16:creationId xmlns:a16="http://schemas.microsoft.com/office/drawing/2014/main" id="{C0B124C2-A7F3-4D4D-B079-978502D0491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549810" y="234228"/>
            <a:ext cx="1299310" cy="62638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Interface 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Homme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/machine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B_00000000000000000000000000000000_TimescaleInterval1">
            <a:extLst>
              <a:ext uri="{FF2B5EF4-FFF2-40B4-BE49-F238E27FC236}">
                <a16:creationId xmlns:a16="http://schemas.microsoft.com/office/drawing/2014/main" id="{1ADBF6AB-3E91-4905-A662-4F4D0AD9CAB9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157633" y="234228"/>
            <a:ext cx="1363728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>
                <a:solidFill>
                  <a:schemeClr val="bg1"/>
                </a:solidFill>
                <a:latin typeface="Calibri" panose="020F0502020204030204" pitchFamily="34" charset="0"/>
              </a:rPr>
              <a:t>Financement</a:t>
            </a:r>
            <a:endParaRPr lang="en-US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558331" y="219377"/>
            <a:ext cx="1931555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nclusion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37" name="OTLSHAPE_TB_00000000000000000000000000000000_Separator1">
            <a:extLst>
              <a:ext uri="{FF2B5EF4-FFF2-40B4-BE49-F238E27FC236}">
                <a16:creationId xmlns:a16="http://schemas.microsoft.com/office/drawing/2014/main" id="{77A8979F-326B-4DEC-B7E4-11362364358C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4207811" y="21683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1">
            <a:extLst>
              <a:ext uri="{FF2B5EF4-FFF2-40B4-BE49-F238E27FC236}">
                <a16:creationId xmlns:a16="http://schemas.microsoft.com/office/drawing/2014/main" id="{94E81477-8E94-4F32-ACEA-0AF7F691236B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 flipH="1">
            <a:off x="5525799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D0450FB1-1161-405F-B4AD-EDA0A1512DCE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H="1">
            <a:off x="815763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1">
            <a:extLst>
              <a:ext uri="{FF2B5EF4-FFF2-40B4-BE49-F238E27FC236}">
                <a16:creationId xmlns:a16="http://schemas.microsoft.com/office/drawing/2014/main" id="{F0D40541-9FCF-4740-915D-ED488454EFCD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954779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1">
            <a:extLst>
              <a:ext uri="{FF2B5EF4-FFF2-40B4-BE49-F238E27FC236}">
                <a16:creationId xmlns:a16="http://schemas.microsoft.com/office/drawing/2014/main" id="{6F59878B-0E43-4483-BB5F-C555F647438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>
            <a:off x="6871339" y="217320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1">
            <a:extLst>
              <a:ext uri="{FF2B5EF4-FFF2-40B4-BE49-F238E27FC236}">
                <a16:creationId xmlns:a16="http://schemas.microsoft.com/office/drawing/2014/main" id="{A0A2E750-5904-4570-B024-C6FEDDC42C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882791" y="227099"/>
            <a:ext cx="1269580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aratif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pic>
        <p:nvPicPr>
          <p:cNvPr id="22" name="Image 21" descr="logo retouché.png"/>
          <p:cNvPicPr>
            <a:picLocks noChangeAspect="1"/>
          </p:cNvPicPr>
          <p:nvPr/>
        </p:nvPicPr>
        <p:blipFill rotWithShape="1">
          <a:blip r:embed="rId17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-1073636" y="-428939"/>
            <a:ext cx="3813280" cy="14164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9685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 2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28" b="6935"/>
          <a:stretch/>
        </p:blipFill>
        <p:spPr>
          <a:xfrm>
            <a:off x="654423" y="-69111"/>
            <a:ext cx="10730753" cy="6857999"/>
          </a:xfrm>
          <a:prstGeom prst="rect">
            <a:avLst/>
          </a:prstGeom>
        </p:spPr>
      </p:pic>
      <p:pic>
        <p:nvPicPr>
          <p:cNvPr id="4" name="Imag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54408" y="2657475"/>
            <a:ext cx="1904405" cy="3679530"/>
          </a:xfrm>
          <a:prstGeom prst="rect">
            <a:avLst/>
          </a:prstGeom>
        </p:spPr>
      </p:pic>
      <p:pic>
        <p:nvPicPr>
          <p:cNvPr id="5" name="Imag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0003" y="2991957"/>
            <a:ext cx="1904405" cy="3605546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7209578">
            <a:off x="7818064" y="-244108"/>
            <a:ext cx="1864190" cy="4558801"/>
          </a:xfrm>
          <a:prstGeom prst="rect">
            <a:avLst/>
          </a:prstGeom>
        </p:spPr>
      </p:pic>
      <p:pic>
        <p:nvPicPr>
          <p:cNvPr id="7" name="Imag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5737481" y="-695214"/>
            <a:ext cx="2479638" cy="4652377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3467443">
            <a:off x="5780058" y="794715"/>
            <a:ext cx="1079586" cy="4435298"/>
          </a:xfrm>
          <a:prstGeom prst="rect">
            <a:avLst/>
          </a:prstGeom>
        </p:spPr>
      </p:pic>
      <p:pic>
        <p:nvPicPr>
          <p:cNvPr id="13" name="Image 1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8798" y="2910468"/>
            <a:ext cx="2479638" cy="1036263"/>
          </a:xfrm>
          <a:prstGeom prst="rect">
            <a:avLst/>
          </a:prstGeom>
        </p:spPr>
      </p:pic>
      <p:pic>
        <p:nvPicPr>
          <p:cNvPr id="14" name="Image 1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31358">
            <a:off x="6742121" y="3242826"/>
            <a:ext cx="2479638" cy="1036263"/>
          </a:xfrm>
          <a:prstGeom prst="rect">
            <a:avLst/>
          </a:prstGeom>
        </p:spPr>
      </p:pic>
      <p:pic>
        <p:nvPicPr>
          <p:cNvPr id="15" name="Image 1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86130" y="4968855"/>
            <a:ext cx="4755041" cy="1240559"/>
          </a:xfrm>
          <a:prstGeom prst="rect">
            <a:avLst/>
          </a:prstGeom>
        </p:spPr>
      </p:pic>
      <p:pic>
        <p:nvPicPr>
          <p:cNvPr id="16" name="Image 1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828335">
            <a:off x="6333997" y="4256292"/>
            <a:ext cx="2770297" cy="1240559"/>
          </a:xfrm>
          <a:prstGeom prst="rect">
            <a:avLst/>
          </a:prstGeom>
        </p:spPr>
      </p:pic>
      <p:pic>
        <p:nvPicPr>
          <p:cNvPr id="17" name="Image 1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3310" y="4377562"/>
            <a:ext cx="1523525" cy="13267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4664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4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ZoneTexte 22"/>
          <p:cNvSpPr txBox="1"/>
          <p:nvPr/>
        </p:nvSpPr>
        <p:spPr>
          <a:xfrm>
            <a:off x="3477373" y="2305232"/>
            <a:ext cx="562771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3600" b="1" u="sng" dirty="0" smtClean="0"/>
              <a:t>Diagramme de Déploiement</a:t>
            </a:r>
            <a:endParaRPr lang="fr-FR" sz="3600" b="1" u="sng" dirty="0"/>
          </a:p>
        </p:txBody>
      </p:sp>
      <p:sp>
        <p:nvSpPr>
          <p:cNvPr id="21" name="OTLSHAPE_TB_00000000000000000000000000000000_ScaleContainer">
            <a:extLst>
              <a:ext uri="{FF2B5EF4-FFF2-40B4-BE49-F238E27FC236}">
                <a16:creationId xmlns:a16="http://schemas.microsoft.com/office/drawing/2014/main" id="{DEA51A14-EF6A-4FEF-B0C4-6305B62CCF1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1967" y="219970"/>
            <a:ext cx="11692590" cy="711503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Triangle isocèle 23">
            <a:extLst>
              <a:ext uri="{FF2B5EF4-FFF2-40B4-BE49-F238E27FC236}">
                <a16:creationId xmlns:a16="http://schemas.microsoft.com/office/drawing/2014/main" id="{3823B7A2-84AA-4AEC-9232-A06C42523044}"/>
              </a:ext>
            </a:extLst>
          </p:cNvPr>
          <p:cNvSpPr/>
          <p:nvPr/>
        </p:nvSpPr>
        <p:spPr>
          <a:xfrm rot="5400000">
            <a:off x="11274470" y="253971"/>
            <a:ext cx="1060174" cy="62934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5" name="OTLSHAPE_TB_00000000000000000000000000000000_Separator1">
            <a:extLst>
              <a:ext uri="{FF2B5EF4-FFF2-40B4-BE49-F238E27FC236}">
                <a16:creationId xmlns:a16="http://schemas.microsoft.com/office/drawing/2014/main" id="{7F4EEE01-C7A2-43E9-BA4E-7AD157827618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1475701" y="219971"/>
            <a:ext cx="4" cy="711501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1">
            <a:extLst>
              <a:ext uri="{FF2B5EF4-FFF2-40B4-BE49-F238E27FC236}">
                <a16:creationId xmlns:a16="http://schemas.microsoft.com/office/drawing/2014/main" id="{75AA0284-6AB4-4995-A78D-F3CAFA8CE1CB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2834149" y="215859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TimescaleInterval1">
            <a:extLst>
              <a:ext uri="{FF2B5EF4-FFF2-40B4-BE49-F238E27FC236}">
                <a16:creationId xmlns:a16="http://schemas.microsoft.com/office/drawing/2014/main" id="{37894D57-B791-4C4D-B30B-A67FF7737D1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68399" y="219377"/>
            <a:ext cx="1359331" cy="711501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Présentation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B_00000000000000000000000000000000_TimescaleInterval1">
            <a:extLst>
              <a:ext uri="{FF2B5EF4-FFF2-40B4-BE49-F238E27FC236}">
                <a16:creationId xmlns:a16="http://schemas.microsoft.com/office/drawing/2014/main" id="{BD03E107-599B-4041-B718-49C03238F1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54162" y="215858"/>
            <a:ext cx="1349265" cy="718627"/>
          </a:xfrm>
          <a:prstGeom prst="rect">
            <a:avLst/>
          </a:prstGeom>
          <a:solidFill>
            <a:schemeClr val="accent6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dirty="0" smtClean="0">
                <a:solidFill>
                  <a:schemeClr val="bg1"/>
                </a:solidFill>
              </a:rPr>
              <a:t>Echéancier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B_00000000000000000000000000000000_TimescaleInterval1">
            <a:extLst>
              <a:ext uri="{FF2B5EF4-FFF2-40B4-BE49-F238E27FC236}">
                <a16:creationId xmlns:a16="http://schemas.microsoft.com/office/drawing/2014/main" id="{103A3BCC-7D62-4D9A-AB2E-36EE31CEE7D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4308" y="215266"/>
            <a:ext cx="1291831" cy="715611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2000" b="1" spc="-18" dirty="0" smtClean="0">
                <a:solidFill>
                  <a:srgbClr val="FF0000"/>
                </a:solidFill>
                <a:latin typeface="Calibri" panose="020F0502020204030204" pitchFamily="34" charset="0"/>
              </a:rPr>
              <a:t>Diagrammes</a:t>
            </a:r>
            <a:endParaRPr lang="fr-FR" sz="2000" b="1" spc="-1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B_00000000000000000000000000000000_TimescaleInterval1">
            <a:extLst>
              <a:ext uri="{FF2B5EF4-FFF2-40B4-BE49-F238E27FC236}">
                <a16:creationId xmlns:a16="http://schemas.microsoft.com/office/drawing/2014/main" id="{C0B124C2-A7F3-4D4D-B079-978502D0491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549810" y="234228"/>
            <a:ext cx="1299310" cy="62638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Interface 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Homme</a:t>
            </a:r>
          </a:p>
          <a:p>
            <a:pPr algn="ctr"/>
            <a:r>
              <a:rPr lang="fr-FR" sz="1700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/machine</a:t>
            </a:r>
            <a:endParaRPr lang="fr-FR" sz="1700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B_00000000000000000000000000000000_TimescaleInterval1">
            <a:extLst>
              <a:ext uri="{FF2B5EF4-FFF2-40B4-BE49-F238E27FC236}">
                <a16:creationId xmlns:a16="http://schemas.microsoft.com/office/drawing/2014/main" id="{1ADBF6AB-3E91-4905-A662-4F4D0AD9CAB9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157633" y="234228"/>
            <a:ext cx="1363728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>
                <a:solidFill>
                  <a:schemeClr val="bg1"/>
                </a:solidFill>
                <a:latin typeface="Calibri" panose="020F0502020204030204" pitchFamily="34" charset="0"/>
              </a:rPr>
              <a:t>Financement</a:t>
            </a:r>
            <a:endParaRPr lang="en-US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B_00000000000000000000000000000000_TimescaleInterval1">
            <a:extLst>
              <a:ext uri="{FF2B5EF4-FFF2-40B4-BE49-F238E27FC236}">
                <a16:creationId xmlns:a16="http://schemas.microsoft.com/office/drawing/2014/main" id="{28ED86A3-708A-49E2-8D30-8C342AE9C4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558331" y="219377"/>
            <a:ext cx="1931555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nclusion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34" name="OTLSHAPE_TB_00000000000000000000000000000000_Separator1">
            <a:extLst>
              <a:ext uri="{FF2B5EF4-FFF2-40B4-BE49-F238E27FC236}">
                <a16:creationId xmlns:a16="http://schemas.microsoft.com/office/drawing/2014/main" id="{77A8979F-326B-4DEC-B7E4-11362364358C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4207811" y="21683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1">
            <a:extLst>
              <a:ext uri="{FF2B5EF4-FFF2-40B4-BE49-F238E27FC236}">
                <a16:creationId xmlns:a16="http://schemas.microsoft.com/office/drawing/2014/main" id="{94E81477-8E94-4F32-ACEA-0AF7F691236B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 flipH="1">
            <a:off x="5525799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1">
            <a:extLst>
              <a:ext uri="{FF2B5EF4-FFF2-40B4-BE49-F238E27FC236}">
                <a16:creationId xmlns:a16="http://schemas.microsoft.com/office/drawing/2014/main" id="{D0450FB1-1161-405F-B4AD-EDA0A1512DCE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H="1">
            <a:off x="815763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1">
            <a:extLst>
              <a:ext uri="{FF2B5EF4-FFF2-40B4-BE49-F238E27FC236}">
                <a16:creationId xmlns:a16="http://schemas.microsoft.com/office/drawing/2014/main" id="{F0D40541-9FCF-4740-915D-ED488454EFCD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9547793" y="215265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1">
            <a:extLst>
              <a:ext uri="{FF2B5EF4-FFF2-40B4-BE49-F238E27FC236}">
                <a16:creationId xmlns:a16="http://schemas.microsoft.com/office/drawing/2014/main" id="{6F59878B-0E43-4483-BB5F-C555F647438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>
            <a:off x="6871339" y="217320"/>
            <a:ext cx="5276" cy="715613"/>
          </a:xfrm>
          <a:prstGeom prst="line">
            <a:avLst/>
          </a:prstGeom>
          <a:ln w="28575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ZoneTexte 1"/>
          <p:cNvSpPr txBox="1"/>
          <p:nvPr/>
        </p:nvSpPr>
        <p:spPr>
          <a:xfrm>
            <a:off x="3477373" y="3807229"/>
            <a:ext cx="5766380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u="sng" dirty="0" smtClean="0"/>
              <a:t>Matériel mis en place:</a:t>
            </a:r>
          </a:p>
          <a:p>
            <a:r>
              <a:rPr lang="fr-FR" sz="2800" b="1" dirty="0" smtClean="0"/>
              <a:t>-Pc </a:t>
            </a:r>
            <a:r>
              <a:rPr lang="fr-FR" sz="2800" b="1" dirty="0" err="1" smtClean="0"/>
              <a:t>MedicalTrack</a:t>
            </a:r>
            <a:r>
              <a:rPr lang="fr-FR" sz="2800" b="1" dirty="0" smtClean="0"/>
              <a:t>;</a:t>
            </a:r>
          </a:p>
          <a:p>
            <a:r>
              <a:rPr lang="fr-FR" sz="2800" b="1" dirty="0" smtClean="0"/>
              <a:t>-Pc Salles d’Interventions;</a:t>
            </a:r>
          </a:p>
          <a:p>
            <a:r>
              <a:rPr lang="fr-FR" sz="2800" b="1" dirty="0" smtClean="0"/>
              <a:t>-Ecran LCD + Microcontrôleur;</a:t>
            </a:r>
          </a:p>
          <a:p>
            <a:r>
              <a:rPr lang="fr-FR" sz="2800" b="1" dirty="0" smtClean="0"/>
              <a:t>-Smartphone + Routeur WIFI.</a:t>
            </a:r>
          </a:p>
        </p:txBody>
      </p:sp>
      <p:sp>
        <p:nvSpPr>
          <p:cNvPr id="22" name="OTLSHAPE_TB_00000000000000000000000000000000_TimescaleInterval1">
            <a:extLst>
              <a:ext uri="{FF2B5EF4-FFF2-40B4-BE49-F238E27FC236}">
                <a16:creationId xmlns:a16="http://schemas.microsoft.com/office/drawing/2014/main" id="{A0A2E750-5904-4570-B024-C6FEDDC42C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882791" y="227099"/>
            <a:ext cx="1269580" cy="718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fr-FR" spc="-18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aratif</a:t>
            </a:r>
            <a:endParaRPr lang="fr-FR" spc="-1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pic>
        <p:nvPicPr>
          <p:cNvPr id="40" name="Image 39" descr="logo retouché.png"/>
          <p:cNvPicPr>
            <a:picLocks noChangeAspect="1"/>
          </p:cNvPicPr>
          <p:nvPr/>
        </p:nvPicPr>
        <p:blipFill rotWithShape="1">
          <a:blip r:embed="rId17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duotone>
              <a:prstClr val="black"/>
              <a:srgbClr val="00B0F0">
                <a:tint val="45000"/>
                <a:satMod val="400000"/>
              </a:srgbClr>
            </a:duotone>
          </a:blip>
          <a:srcRect l="-19135" t="-31562" r="11017" b="60164"/>
          <a:stretch/>
        </p:blipFill>
        <p:spPr>
          <a:xfrm>
            <a:off x="-1073636" y="-428939"/>
            <a:ext cx="3813280" cy="14164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21318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1439</TotalTime>
  <Words>454</Words>
  <Application>Microsoft Office PowerPoint</Application>
  <PresentationFormat>Grand écran</PresentationFormat>
  <Paragraphs>214</Paragraphs>
  <Slides>22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7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2</vt:i4>
      </vt:variant>
    </vt:vector>
  </HeadingPairs>
  <TitlesOfParts>
    <vt:vector size="30" baseType="lpstr">
      <vt:lpstr>Aharoni</vt:lpstr>
      <vt:lpstr>Arial</vt:lpstr>
      <vt:lpstr>Arial Black</vt:lpstr>
      <vt:lpstr>Calibri</vt:lpstr>
      <vt:lpstr>Calibri Light</vt:lpstr>
      <vt:lpstr>Oswald</vt:lpstr>
      <vt:lpstr>Wingdings</vt:lpstr>
      <vt:lpstr>Thème Office</vt:lpstr>
      <vt:lpstr>MedicalTrack</vt:lpstr>
      <vt:lpstr>Sommaire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snir</dc:creator>
  <cp:lastModifiedBy>snir</cp:lastModifiedBy>
  <cp:revision>115</cp:revision>
  <dcterms:created xsi:type="dcterms:W3CDTF">2019-01-18T08:22:36Z</dcterms:created>
  <dcterms:modified xsi:type="dcterms:W3CDTF">2019-01-25T16:01:32Z</dcterms:modified>
</cp:coreProperties>
</file>